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heme/theme2.xml" ContentType="application/vnd.openxmlformats-officedocument.them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notesSlides/notesSlide1.xml" ContentType="application/vnd.openxmlformats-officedocument.presentationml.notesSlid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notesSlides/notesSlide2.xml" ContentType="application/vnd.openxmlformats-officedocument.presentationml.notesSlide+xml"/>
  <Override PartName="/ppt/tags/tag22.xml" ContentType="application/vnd.openxmlformats-officedocument.presentationml.tags+xml"/>
  <Override PartName="/ppt/notesSlides/notesSlide3.xml" ContentType="application/vnd.openxmlformats-officedocument.presentationml.notesSlide+xml"/>
  <Override PartName="/ppt/tags/tag23.xml" ContentType="application/vnd.openxmlformats-officedocument.presentationml.tags+xml"/>
  <Override PartName="/ppt/notesSlides/notesSlide4.xml" ContentType="application/vnd.openxmlformats-officedocument.presentationml.notesSlide+xml"/>
  <Override PartName="/ppt/tags/tag24.xml" ContentType="application/vnd.openxmlformats-officedocument.presentationml.tags+xml"/>
  <Override PartName="/ppt/notesSlides/notesSlide5.xml" ContentType="application/vnd.openxmlformats-officedocument.presentationml.notesSlide+xml"/>
  <Override PartName="/ppt/tags/tag25.xml" ContentType="application/vnd.openxmlformats-officedocument.presentationml.tags+xml"/>
  <Override PartName="/ppt/notesSlides/notesSlide6.xml" ContentType="application/vnd.openxmlformats-officedocument.presentationml.notesSlide+xml"/>
  <Override PartName="/ppt/tags/tag26.xml" ContentType="application/vnd.openxmlformats-officedocument.presentationml.tags+xml"/>
  <Override PartName="/ppt/notesSlides/notesSlide7.xml" ContentType="application/vnd.openxmlformats-officedocument.presentationml.notesSlide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notesSlides/notesSlide8.xml" ContentType="application/vnd.openxmlformats-officedocument.presentationml.notesSlide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notesSlides/notesSlide9.xml" ContentType="application/vnd.openxmlformats-officedocument.presentationml.notesSlide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notesSlides/notesSlide10.xml" ContentType="application/vnd.openxmlformats-officedocument.presentationml.notesSlide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5"/>
  </p:sldMasterIdLst>
  <p:notesMasterIdLst>
    <p:notesMasterId r:id="rId50"/>
  </p:notesMasterIdLst>
  <p:sldIdLst>
    <p:sldId id="257" r:id="rId6"/>
    <p:sldId id="258" r:id="rId7"/>
    <p:sldId id="276" r:id="rId8"/>
    <p:sldId id="256" r:id="rId9"/>
    <p:sldId id="277" r:id="rId10"/>
    <p:sldId id="270" r:id="rId11"/>
    <p:sldId id="278" r:id="rId12"/>
    <p:sldId id="280" r:id="rId13"/>
    <p:sldId id="292" r:id="rId14"/>
    <p:sldId id="287" r:id="rId15"/>
    <p:sldId id="290" r:id="rId16"/>
    <p:sldId id="302" r:id="rId17"/>
    <p:sldId id="293" r:id="rId18"/>
    <p:sldId id="284" r:id="rId19"/>
    <p:sldId id="285" r:id="rId20"/>
    <p:sldId id="274" r:id="rId21"/>
    <p:sldId id="286" r:id="rId22"/>
    <p:sldId id="288" r:id="rId23"/>
    <p:sldId id="306" r:id="rId24"/>
    <p:sldId id="305" r:id="rId25"/>
    <p:sldId id="312" r:id="rId26"/>
    <p:sldId id="289" r:id="rId27"/>
    <p:sldId id="283" r:id="rId28"/>
    <p:sldId id="259" r:id="rId29"/>
    <p:sldId id="267" r:id="rId30"/>
    <p:sldId id="294" r:id="rId31"/>
    <p:sldId id="295" r:id="rId32"/>
    <p:sldId id="296" r:id="rId33"/>
    <p:sldId id="297" r:id="rId34"/>
    <p:sldId id="298" r:id="rId35"/>
    <p:sldId id="299" r:id="rId36"/>
    <p:sldId id="300" r:id="rId37"/>
    <p:sldId id="301" r:id="rId38"/>
    <p:sldId id="303" r:id="rId39"/>
    <p:sldId id="304" r:id="rId40"/>
    <p:sldId id="310" r:id="rId41"/>
    <p:sldId id="311" r:id="rId42"/>
    <p:sldId id="307" r:id="rId43"/>
    <p:sldId id="308" r:id="rId44"/>
    <p:sldId id="309" r:id="rId45"/>
    <p:sldId id="313" r:id="rId46"/>
    <p:sldId id="314" r:id="rId47"/>
    <p:sldId id="315" r:id="rId48"/>
    <p:sldId id="316" r:id="rId49"/>
  </p:sldIdLst>
  <p:sldSz cx="14630400" cy="8229600"/>
  <p:notesSz cx="6858000" cy="9144000"/>
  <p:custDataLst>
    <p:tags r:id="rId51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Default Section" id="{70C7C9D7-DFAD-4578-ABED-4DA7A25A6B62}">
          <p14:sldIdLst>
            <p14:sldId id="257"/>
            <p14:sldId id="258"/>
            <p14:sldId id="276"/>
            <p14:sldId id="256"/>
            <p14:sldId id="277"/>
            <p14:sldId id="270"/>
            <p14:sldId id="278"/>
            <p14:sldId id="280"/>
            <p14:sldId id="292"/>
            <p14:sldId id="287"/>
            <p14:sldId id="290"/>
            <p14:sldId id="302"/>
            <p14:sldId id="293"/>
            <p14:sldId id="284"/>
            <p14:sldId id="285"/>
            <p14:sldId id="274"/>
            <p14:sldId id="286"/>
            <p14:sldId id="288"/>
            <p14:sldId id="306"/>
            <p14:sldId id="305"/>
            <p14:sldId id="312"/>
            <p14:sldId id="289"/>
            <p14:sldId id="283"/>
            <p14:sldId id="259"/>
            <p14:sldId id="267"/>
          </p14:sldIdLst>
        </p14:section>
        <p14:section name="Summary Section" id="{2388F3A1-0280-4207-BBE3-933CFEA74760}">
          <p14:sldIdLst/>
        </p14:section>
        <p14:section name="Application Count vs Loan Goals" id="{D75E348F-39FE-466F-B7D0-A73A29C7D029}">
          <p14:sldIdLst>
            <p14:sldId id="294"/>
            <p14:sldId id="295"/>
            <p14:sldId id="296"/>
            <p14:sldId id="297"/>
            <p14:sldId id="298"/>
            <p14:sldId id="299"/>
            <p14:sldId id="300"/>
            <p14:sldId id="301"/>
            <p14:sldId id="303"/>
            <p14:sldId id="304"/>
            <p14:sldId id="310"/>
            <p14:sldId id="311"/>
            <p14:sldId id="307"/>
            <p14:sldId id="308"/>
            <p14:sldId id="309"/>
            <p14:sldId id="313"/>
            <p14:sldId id="314"/>
            <p14:sldId id="315"/>
            <p14:sldId id="316"/>
          </p14:sldIdLst>
        </p14:section>
      </p14:sectionLst>
    </p:ext>
    <p:ext uri="{EFAFB233-063F-42B5-8137-9DF3F51BA10A}">
      <p15:sldGuideLst xmlns:p15="http://schemas.microsoft.com/office/powerpoint/2012/main">
        <p15:guide id="1" orient="horz" pos="1202" userDrawn="1">
          <p15:clr>
            <a:srgbClr val="A4A3A4"/>
          </p15:clr>
        </p15:guide>
        <p15:guide id="2" orient="horz" pos="1405" userDrawn="1">
          <p15:clr>
            <a:srgbClr val="A4A3A4"/>
          </p15:clr>
        </p15:guide>
        <p15:guide id="3" orient="horz" pos="2716" userDrawn="1">
          <p15:clr>
            <a:srgbClr val="A4A3A4"/>
          </p15:clr>
        </p15:guide>
        <p15:guide id="4" orient="horz" pos="3082" userDrawn="1">
          <p15:clr>
            <a:srgbClr val="A4A3A4"/>
          </p15:clr>
        </p15:guide>
        <p15:guide id="5" orient="horz" pos="4393" userDrawn="1">
          <p15:clr>
            <a:srgbClr val="A4A3A4"/>
          </p15:clr>
        </p15:guide>
        <p15:guide id="6" orient="horz" pos="4543" userDrawn="1">
          <p15:clr>
            <a:srgbClr val="A4A3A4"/>
          </p15:clr>
        </p15:guide>
        <p15:guide id="7" pos="438" userDrawn="1">
          <p15:clr>
            <a:srgbClr val="A4A3A4"/>
          </p15:clr>
        </p15:guide>
        <p15:guide id="8" pos="4360" userDrawn="1">
          <p15:clr>
            <a:srgbClr val="A4A3A4"/>
          </p15:clr>
        </p15:guide>
        <p15:guide id="9" pos="4858" userDrawn="1">
          <p15:clr>
            <a:srgbClr val="A4A3A4"/>
          </p15:clr>
        </p15:guide>
        <p15:guide id="10" pos="8784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B411AAE3-1AC9-4531-8945-4F518465D9EA}" v="1186" dt="2025-01-27T14:59:39.145"/>
  </p1510:revLst>
</p1510:revInfo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B301B821-A1FF-4177-AEE7-76D212191A09}" styleName="Medium Style 1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4993" autoAdjust="0"/>
    <p:restoredTop sz="88221" autoAdjust="0"/>
  </p:normalViewPr>
  <p:slideViewPr>
    <p:cSldViewPr snapToGrid="0" snapToObjects="1">
      <p:cViewPr>
        <p:scale>
          <a:sx n="60" d="100"/>
          <a:sy n="60" d="100"/>
        </p:scale>
        <p:origin x="684" y="-354"/>
      </p:cViewPr>
      <p:guideLst>
        <p:guide orient="horz" pos="1202"/>
        <p:guide orient="horz" pos="1405"/>
        <p:guide orient="horz" pos="2716"/>
        <p:guide orient="horz" pos="3082"/>
        <p:guide orient="horz" pos="4393"/>
        <p:guide orient="horz" pos="4543"/>
        <p:guide pos="438"/>
        <p:guide pos="4360"/>
        <p:guide pos="4858"/>
        <p:guide pos="8784"/>
      </p:guideLst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 snapToObjects="1">
      <p:cViewPr varScale="1">
        <p:scale>
          <a:sx n="54" d="100"/>
          <a:sy n="54" d="100"/>
        </p:scale>
        <p:origin x="3108" y="96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8.xml"/><Relationship Id="rId18" Type="http://schemas.openxmlformats.org/officeDocument/2006/relationships/slide" Target="slides/slide13.xml"/><Relationship Id="rId26" Type="http://schemas.openxmlformats.org/officeDocument/2006/relationships/slide" Target="slides/slide21.xml"/><Relationship Id="rId39" Type="http://schemas.openxmlformats.org/officeDocument/2006/relationships/slide" Target="slides/slide34.xml"/><Relationship Id="rId21" Type="http://schemas.openxmlformats.org/officeDocument/2006/relationships/slide" Target="slides/slide16.xml"/><Relationship Id="rId34" Type="http://schemas.openxmlformats.org/officeDocument/2006/relationships/slide" Target="slides/slide29.xml"/><Relationship Id="rId42" Type="http://schemas.openxmlformats.org/officeDocument/2006/relationships/slide" Target="slides/slide37.xml"/><Relationship Id="rId47" Type="http://schemas.openxmlformats.org/officeDocument/2006/relationships/slide" Target="slides/slide42.xml"/><Relationship Id="rId50" Type="http://schemas.openxmlformats.org/officeDocument/2006/relationships/notesMaster" Target="notesMasters/notesMaster1.xml"/><Relationship Id="rId55" Type="http://schemas.openxmlformats.org/officeDocument/2006/relationships/tableStyles" Target="tableStyles.xml"/><Relationship Id="rId7" Type="http://schemas.openxmlformats.org/officeDocument/2006/relationships/slide" Target="slides/slide2.xml"/><Relationship Id="rId2" Type="http://schemas.openxmlformats.org/officeDocument/2006/relationships/customXml" Target="../customXml/item2.xml"/><Relationship Id="rId16" Type="http://schemas.openxmlformats.org/officeDocument/2006/relationships/slide" Target="slides/slide11.xml"/><Relationship Id="rId29" Type="http://schemas.openxmlformats.org/officeDocument/2006/relationships/slide" Target="slides/slide24.xml"/><Relationship Id="rId11" Type="http://schemas.openxmlformats.org/officeDocument/2006/relationships/slide" Target="slides/slide6.xml"/><Relationship Id="rId24" Type="http://schemas.openxmlformats.org/officeDocument/2006/relationships/slide" Target="slides/slide19.xml"/><Relationship Id="rId32" Type="http://schemas.openxmlformats.org/officeDocument/2006/relationships/slide" Target="slides/slide27.xml"/><Relationship Id="rId37" Type="http://schemas.openxmlformats.org/officeDocument/2006/relationships/slide" Target="slides/slide32.xml"/><Relationship Id="rId40" Type="http://schemas.openxmlformats.org/officeDocument/2006/relationships/slide" Target="slides/slide35.xml"/><Relationship Id="rId45" Type="http://schemas.openxmlformats.org/officeDocument/2006/relationships/slide" Target="slides/slide40.xml"/><Relationship Id="rId53" Type="http://schemas.openxmlformats.org/officeDocument/2006/relationships/viewProps" Target="viewProps.xml"/><Relationship Id="rId5" Type="http://schemas.openxmlformats.org/officeDocument/2006/relationships/slideMaster" Target="slideMasters/slideMaster1.xml"/><Relationship Id="rId19" Type="http://schemas.openxmlformats.org/officeDocument/2006/relationships/slide" Target="slides/slide14.xml"/><Relationship Id="rId4" Type="http://schemas.openxmlformats.org/officeDocument/2006/relationships/customXml" Target="../customXml/item4.xml"/><Relationship Id="rId9" Type="http://schemas.openxmlformats.org/officeDocument/2006/relationships/slide" Target="slides/slide4.xml"/><Relationship Id="rId14" Type="http://schemas.openxmlformats.org/officeDocument/2006/relationships/slide" Target="slides/slide9.xml"/><Relationship Id="rId22" Type="http://schemas.openxmlformats.org/officeDocument/2006/relationships/slide" Target="slides/slide17.xml"/><Relationship Id="rId27" Type="http://schemas.openxmlformats.org/officeDocument/2006/relationships/slide" Target="slides/slide22.xml"/><Relationship Id="rId30" Type="http://schemas.openxmlformats.org/officeDocument/2006/relationships/slide" Target="slides/slide25.xml"/><Relationship Id="rId35" Type="http://schemas.openxmlformats.org/officeDocument/2006/relationships/slide" Target="slides/slide30.xml"/><Relationship Id="rId43" Type="http://schemas.openxmlformats.org/officeDocument/2006/relationships/slide" Target="slides/slide38.xml"/><Relationship Id="rId48" Type="http://schemas.openxmlformats.org/officeDocument/2006/relationships/slide" Target="slides/slide43.xml"/><Relationship Id="rId56" Type="http://schemas.microsoft.com/office/2016/11/relationships/changesInfo" Target="changesInfos/changesInfo1.xml"/><Relationship Id="rId8" Type="http://schemas.openxmlformats.org/officeDocument/2006/relationships/slide" Target="slides/slide3.xml"/><Relationship Id="rId51" Type="http://schemas.openxmlformats.org/officeDocument/2006/relationships/tags" Target="tags/tag1.xml"/><Relationship Id="rId3" Type="http://schemas.openxmlformats.org/officeDocument/2006/relationships/customXml" Target="../customXml/item3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5" Type="http://schemas.openxmlformats.org/officeDocument/2006/relationships/slide" Target="slides/slide20.xml"/><Relationship Id="rId33" Type="http://schemas.openxmlformats.org/officeDocument/2006/relationships/slide" Target="slides/slide28.xml"/><Relationship Id="rId38" Type="http://schemas.openxmlformats.org/officeDocument/2006/relationships/slide" Target="slides/slide33.xml"/><Relationship Id="rId46" Type="http://schemas.openxmlformats.org/officeDocument/2006/relationships/slide" Target="slides/slide41.xml"/><Relationship Id="rId20" Type="http://schemas.openxmlformats.org/officeDocument/2006/relationships/slide" Target="slides/slide15.xml"/><Relationship Id="rId41" Type="http://schemas.openxmlformats.org/officeDocument/2006/relationships/slide" Target="slides/slide36.xml"/><Relationship Id="rId54" Type="http://schemas.openxmlformats.org/officeDocument/2006/relationships/theme" Target="theme/theme1.xml"/><Relationship Id="rId1" Type="http://schemas.openxmlformats.org/officeDocument/2006/relationships/customXml" Target="../customXml/item1.xml"/><Relationship Id="rId6" Type="http://schemas.openxmlformats.org/officeDocument/2006/relationships/slide" Target="slides/slide1.xml"/><Relationship Id="rId15" Type="http://schemas.openxmlformats.org/officeDocument/2006/relationships/slide" Target="slides/slide10.xml"/><Relationship Id="rId23" Type="http://schemas.openxmlformats.org/officeDocument/2006/relationships/slide" Target="slides/slide18.xml"/><Relationship Id="rId28" Type="http://schemas.openxmlformats.org/officeDocument/2006/relationships/slide" Target="slides/slide23.xml"/><Relationship Id="rId36" Type="http://schemas.openxmlformats.org/officeDocument/2006/relationships/slide" Target="slides/slide31.xml"/><Relationship Id="rId49" Type="http://schemas.openxmlformats.org/officeDocument/2006/relationships/slide" Target="slides/slide44.xml"/><Relationship Id="rId57" Type="http://schemas.microsoft.com/office/2015/10/relationships/revisionInfo" Target="revisionInfo.xml"/><Relationship Id="rId10" Type="http://schemas.openxmlformats.org/officeDocument/2006/relationships/slide" Target="slides/slide5.xml"/><Relationship Id="rId31" Type="http://schemas.openxmlformats.org/officeDocument/2006/relationships/slide" Target="slides/slide26.xml"/><Relationship Id="rId44" Type="http://schemas.openxmlformats.org/officeDocument/2006/relationships/slide" Target="slides/slide39.xml"/><Relationship Id="rId52" Type="http://schemas.openxmlformats.org/officeDocument/2006/relationships/presProps" Target="presProps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Kanika Agarwal" userId="03cbc23c4c215ab8" providerId="LiveId" clId="{B411AAE3-1AC9-4531-8945-4F518465D9EA}"/>
    <pc:docChg chg="undo redo custSel addSld delSld modSld sldOrd addSection delSection modSection">
      <pc:chgData name="Kanika Agarwal" userId="03cbc23c4c215ab8" providerId="LiveId" clId="{B411AAE3-1AC9-4531-8945-4F518465D9EA}" dt="2025-01-27T15:05:00.322" v="8115" actId="20577"/>
      <pc:docMkLst>
        <pc:docMk/>
      </pc:docMkLst>
      <pc:sldChg chg="addSp delSp modSp mod">
        <pc:chgData name="Kanika Agarwal" userId="03cbc23c4c215ab8" providerId="LiveId" clId="{B411AAE3-1AC9-4531-8945-4F518465D9EA}" dt="2025-01-27T13:48:27.194" v="7895" actId="14100"/>
        <pc:sldMkLst>
          <pc:docMk/>
          <pc:sldMk cId="1904020615" sldId="256"/>
        </pc:sldMkLst>
        <pc:spChg chg="add mod">
          <ac:chgData name="Kanika Agarwal" userId="03cbc23c4c215ab8" providerId="LiveId" clId="{B411AAE3-1AC9-4531-8945-4F518465D9EA}" dt="2025-01-27T13:47:35.653" v="7881" actId="478"/>
          <ac:spMkLst>
            <pc:docMk/>
            <pc:sldMk cId="1904020615" sldId="256"/>
            <ac:spMk id="4" creationId="{E1D60291-CCB3-C59E-487D-C267580F7471}"/>
          </ac:spMkLst>
        </pc:spChg>
        <pc:picChg chg="del mod">
          <ac:chgData name="Kanika Agarwal" userId="03cbc23c4c215ab8" providerId="LiveId" clId="{B411AAE3-1AC9-4531-8945-4F518465D9EA}" dt="2025-01-27T13:47:35.653" v="7881" actId="478"/>
          <ac:picMkLst>
            <pc:docMk/>
            <pc:sldMk cId="1904020615" sldId="256"/>
            <ac:picMk id="3" creationId="{AD0BCC4D-CED0-4F51-A75A-3455AD9756B3}"/>
          </ac:picMkLst>
        </pc:picChg>
        <pc:picChg chg="add mod">
          <ac:chgData name="Kanika Agarwal" userId="03cbc23c4c215ab8" providerId="LiveId" clId="{B411AAE3-1AC9-4531-8945-4F518465D9EA}" dt="2025-01-27T13:48:27.194" v="7895" actId="14100"/>
          <ac:picMkLst>
            <pc:docMk/>
            <pc:sldMk cId="1904020615" sldId="256"/>
            <ac:picMk id="7" creationId="{52CF7747-93E9-F1AE-EE93-005F1417C8BC}"/>
          </ac:picMkLst>
        </pc:picChg>
      </pc:sldChg>
      <pc:sldChg chg="modSp mod">
        <pc:chgData name="Kanika Agarwal" userId="03cbc23c4c215ab8" providerId="LiveId" clId="{B411AAE3-1AC9-4531-8945-4F518465D9EA}" dt="2025-01-26T13:00:53.542" v="1757" actId="20577"/>
        <pc:sldMkLst>
          <pc:docMk/>
          <pc:sldMk cId="1965867617" sldId="257"/>
        </pc:sldMkLst>
        <pc:spChg chg="mod">
          <ac:chgData name="Kanika Agarwal" userId="03cbc23c4c215ab8" providerId="LiveId" clId="{B411AAE3-1AC9-4531-8945-4F518465D9EA}" dt="2025-01-26T13:00:48.706" v="1756" actId="20577"/>
          <ac:spMkLst>
            <pc:docMk/>
            <pc:sldMk cId="1965867617" sldId="257"/>
            <ac:spMk id="5" creationId="{D9C69B3C-6573-4BA0-BDF3-5CB1317114F7}"/>
          </ac:spMkLst>
        </pc:spChg>
        <pc:spChg chg="mod">
          <ac:chgData name="Kanika Agarwal" userId="03cbc23c4c215ab8" providerId="LiveId" clId="{B411AAE3-1AC9-4531-8945-4F518465D9EA}" dt="2025-01-26T13:00:53.542" v="1757" actId="20577"/>
          <ac:spMkLst>
            <pc:docMk/>
            <pc:sldMk cId="1965867617" sldId="257"/>
            <ac:spMk id="7" creationId="{8B8235F0-40A0-4218-B749-0D09A29B11E6}"/>
          </ac:spMkLst>
        </pc:spChg>
      </pc:sldChg>
      <pc:sldChg chg="modSp mod">
        <pc:chgData name="Kanika Agarwal" userId="03cbc23c4c215ab8" providerId="LiveId" clId="{B411AAE3-1AC9-4531-8945-4F518465D9EA}" dt="2025-01-27T14:46:20.112" v="7976" actId="20577"/>
        <pc:sldMkLst>
          <pc:docMk/>
          <pc:sldMk cId="3133050808" sldId="258"/>
        </pc:sldMkLst>
        <pc:spChg chg="mod">
          <ac:chgData name="Kanika Agarwal" userId="03cbc23c4c215ab8" providerId="LiveId" clId="{B411AAE3-1AC9-4531-8945-4F518465D9EA}" dt="2025-01-27T14:46:20.112" v="7976" actId="20577"/>
          <ac:spMkLst>
            <pc:docMk/>
            <pc:sldMk cId="3133050808" sldId="258"/>
            <ac:spMk id="8" creationId="{4AD9B639-3C9C-4049-A9A9-08A8C81775C0}"/>
          </ac:spMkLst>
        </pc:spChg>
      </pc:sldChg>
      <pc:sldChg chg="addSp delSp modSp mod ord">
        <pc:chgData name="Kanika Agarwal" userId="03cbc23c4c215ab8" providerId="LiveId" clId="{B411AAE3-1AC9-4531-8945-4F518465D9EA}" dt="2025-01-27T15:05:00.322" v="8115" actId="20577"/>
        <pc:sldMkLst>
          <pc:docMk/>
          <pc:sldMk cId="665544686" sldId="259"/>
        </pc:sldMkLst>
        <pc:spChg chg="add del mod">
          <ac:chgData name="Kanika Agarwal" userId="03cbc23c4c215ab8" providerId="LiveId" clId="{B411AAE3-1AC9-4531-8945-4F518465D9EA}" dt="2025-01-27T13:41:36.538" v="7872" actId="478"/>
          <ac:spMkLst>
            <pc:docMk/>
            <pc:sldMk cId="665544686" sldId="259"/>
            <ac:spMk id="2" creationId="{82B61107-2FA2-44B4-9603-7BC6D7B36D2C}"/>
          </ac:spMkLst>
        </pc:spChg>
        <pc:spChg chg="add del">
          <ac:chgData name="Kanika Agarwal" userId="03cbc23c4c215ab8" providerId="LiveId" clId="{B411AAE3-1AC9-4531-8945-4F518465D9EA}" dt="2025-01-27T12:45:06.015" v="7257" actId="478"/>
          <ac:spMkLst>
            <pc:docMk/>
            <pc:sldMk cId="665544686" sldId="259"/>
            <ac:spMk id="3" creationId="{EB1CAA00-1B79-632D-C7D6-B84435EB6C79}"/>
          </ac:spMkLst>
        </pc:spChg>
        <pc:spChg chg="add mod">
          <ac:chgData name="Kanika Agarwal" userId="03cbc23c4c215ab8" providerId="LiveId" clId="{B411AAE3-1AC9-4531-8945-4F518465D9EA}" dt="2025-01-27T12:25:40.460" v="7216" actId="21"/>
          <ac:spMkLst>
            <pc:docMk/>
            <pc:sldMk cId="665544686" sldId="259"/>
            <ac:spMk id="4" creationId="{4E7CACAF-8F70-34BA-6439-F8101F35764D}"/>
          </ac:spMkLst>
        </pc:spChg>
        <pc:spChg chg="add mod">
          <ac:chgData name="Kanika Agarwal" userId="03cbc23c4c215ab8" providerId="LiveId" clId="{B411AAE3-1AC9-4531-8945-4F518465D9EA}" dt="2025-01-27T12:45:01.171" v="7256"/>
          <ac:spMkLst>
            <pc:docMk/>
            <pc:sldMk cId="665544686" sldId="259"/>
            <ac:spMk id="5" creationId="{C40D4E6C-4CD2-E0E4-77F5-739D51362576}"/>
          </ac:spMkLst>
        </pc:spChg>
        <pc:spChg chg="mod">
          <ac:chgData name="Kanika Agarwal" userId="03cbc23c4c215ab8" providerId="LiveId" clId="{B411AAE3-1AC9-4531-8945-4F518465D9EA}" dt="2025-01-27T07:26:29.948" v="4595" actId="20577"/>
          <ac:spMkLst>
            <pc:docMk/>
            <pc:sldMk cId="665544686" sldId="259"/>
            <ac:spMk id="30" creationId="{D3095587-F9D1-4888-8D04-21CA5B223B15}"/>
          </ac:spMkLst>
        </pc:spChg>
        <pc:spChg chg="mod">
          <ac:chgData name="Kanika Agarwal" userId="03cbc23c4c215ab8" providerId="LiveId" clId="{B411AAE3-1AC9-4531-8945-4F518465D9EA}" dt="2025-01-27T07:55:25.933" v="5889" actId="20577"/>
          <ac:spMkLst>
            <pc:docMk/>
            <pc:sldMk cId="665544686" sldId="259"/>
            <ac:spMk id="43" creationId="{69A87AE3-70F4-46CA-BCF0-945CFF6667F9}"/>
          </ac:spMkLst>
        </pc:spChg>
        <pc:spChg chg="mod">
          <ac:chgData name="Kanika Agarwal" userId="03cbc23c4c215ab8" providerId="LiveId" clId="{B411AAE3-1AC9-4531-8945-4F518465D9EA}" dt="2025-01-27T13:41:27.835" v="7871" actId="1036"/>
          <ac:spMkLst>
            <pc:docMk/>
            <pc:sldMk cId="665544686" sldId="259"/>
            <ac:spMk id="45" creationId="{B85DA83D-C635-4361-B1D5-A8BABF2E08C0}"/>
          </ac:spMkLst>
        </pc:spChg>
        <pc:spChg chg="mod">
          <ac:chgData name="Kanika Agarwal" userId="03cbc23c4c215ab8" providerId="LiveId" clId="{B411AAE3-1AC9-4531-8945-4F518465D9EA}" dt="2025-01-27T13:11:32.184" v="7634" actId="1076"/>
          <ac:spMkLst>
            <pc:docMk/>
            <pc:sldMk cId="665544686" sldId="259"/>
            <ac:spMk id="47" creationId="{B34641D9-F111-4536-BB7A-43D8C5498C49}"/>
          </ac:spMkLst>
        </pc:spChg>
        <pc:spChg chg="mod">
          <ac:chgData name="Kanika Agarwal" userId="03cbc23c4c215ab8" providerId="LiveId" clId="{B411AAE3-1AC9-4531-8945-4F518465D9EA}" dt="2025-01-27T12:50:10.042" v="7516" actId="21"/>
          <ac:spMkLst>
            <pc:docMk/>
            <pc:sldMk cId="665544686" sldId="259"/>
            <ac:spMk id="48" creationId="{45A286E4-E19F-458A-B2B5-DC166DBB2A02}"/>
          </ac:spMkLst>
        </pc:spChg>
        <pc:spChg chg="mod">
          <ac:chgData name="Kanika Agarwal" userId="03cbc23c4c215ab8" providerId="LiveId" clId="{B411AAE3-1AC9-4531-8945-4F518465D9EA}" dt="2025-01-27T07:55:06.570" v="5878" actId="20577"/>
          <ac:spMkLst>
            <pc:docMk/>
            <pc:sldMk cId="665544686" sldId="259"/>
            <ac:spMk id="49" creationId="{EB0F2BFD-4F56-4467-A025-2C84ED0F04D4}"/>
          </ac:spMkLst>
        </pc:spChg>
        <pc:spChg chg="mod">
          <ac:chgData name="Kanika Agarwal" userId="03cbc23c4c215ab8" providerId="LiveId" clId="{B411AAE3-1AC9-4531-8945-4F518465D9EA}" dt="2025-01-27T13:19:43.797" v="7681" actId="20577"/>
          <ac:spMkLst>
            <pc:docMk/>
            <pc:sldMk cId="665544686" sldId="259"/>
            <ac:spMk id="50" creationId="{B34B7D22-C5C3-447C-AB80-EFAF047C5916}"/>
          </ac:spMkLst>
        </pc:spChg>
        <pc:spChg chg="mod">
          <ac:chgData name="Kanika Agarwal" userId="03cbc23c4c215ab8" providerId="LiveId" clId="{B411AAE3-1AC9-4531-8945-4F518465D9EA}" dt="2025-01-27T15:05:00.322" v="8115" actId="20577"/>
          <ac:spMkLst>
            <pc:docMk/>
            <pc:sldMk cId="665544686" sldId="259"/>
            <ac:spMk id="52" creationId="{74C1ABFF-809D-4A24-BCD3-FDFA57805CF4}"/>
          </ac:spMkLst>
        </pc:spChg>
        <pc:spChg chg="del mod">
          <ac:chgData name="Kanika Agarwal" userId="03cbc23c4c215ab8" providerId="LiveId" clId="{B411AAE3-1AC9-4531-8945-4F518465D9EA}" dt="2025-01-27T12:07:58.323" v="7031" actId="478"/>
          <ac:spMkLst>
            <pc:docMk/>
            <pc:sldMk cId="665544686" sldId="259"/>
            <ac:spMk id="53" creationId="{8E4ABF06-7F18-449F-9F0F-4D607CA8ADCA}"/>
          </ac:spMkLst>
        </pc:spChg>
        <pc:spChg chg="del mod">
          <ac:chgData name="Kanika Agarwal" userId="03cbc23c4c215ab8" providerId="LiveId" clId="{B411AAE3-1AC9-4531-8945-4F518465D9EA}" dt="2025-01-27T12:08:03.273" v="7032" actId="478"/>
          <ac:spMkLst>
            <pc:docMk/>
            <pc:sldMk cId="665544686" sldId="259"/>
            <ac:spMk id="54" creationId="{6063A5BE-2B9C-4AB8-BEB6-CBA83F592451}"/>
          </ac:spMkLst>
        </pc:spChg>
        <pc:spChg chg="mod">
          <ac:chgData name="Kanika Agarwal" userId="03cbc23c4c215ab8" providerId="LiveId" clId="{B411AAE3-1AC9-4531-8945-4F518465D9EA}" dt="2025-01-27T12:10:42.847" v="7104" actId="21"/>
          <ac:spMkLst>
            <pc:docMk/>
            <pc:sldMk cId="665544686" sldId="259"/>
            <ac:spMk id="55" creationId="{B1FD2883-B6AE-4BB8-966A-466BC5843DE5}"/>
          </ac:spMkLst>
        </pc:spChg>
        <pc:spChg chg="mod">
          <ac:chgData name="Kanika Agarwal" userId="03cbc23c4c215ab8" providerId="LiveId" clId="{B411AAE3-1AC9-4531-8945-4F518465D9EA}" dt="2025-01-27T13:15:14.304" v="7652" actId="1076"/>
          <ac:spMkLst>
            <pc:docMk/>
            <pc:sldMk cId="665544686" sldId="259"/>
            <ac:spMk id="56" creationId="{E63436F7-5786-4752-A568-274C309CC018}"/>
          </ac:spMkLst>
        </pc:spChg>
        <pc:spChg chg="del mod">
          <ac:chgData name="Kanika Agarwal" userId="03cbc23c4c215ab8" providerId="LiveId" clId="{B411AAE3-1AC9-4531-8945-4F518465D9EA}" dt="2025-01-27T07:46:03.973" v="5126" actId="478"/>
          <ac:spMkLst>
            <pc:docMk/>
            <pc:sldMk cId="665544686" sldId="259"/>
            <ac:spMk id="57" creationId="{C2EA6EEC-E1EA-413A-B7DB-2BE8E075172D}"/>
          </ac:spMkLst>
        </pc:spChg>
        <pc:spChg chg="mod">
          <ac:chgData name="Kanika Agarwal" userId="03cbc23c4c215ab8" providerId="LiveId" clId="{B411AAE3-1AC9-4531-8945-4F518465D9EA}" dt="2025-01-27T13:41:13.300" v="7866" actId="14100"/>
          <ac:spMkLst>
            <pc:docMk/>
            <pc:sldMk cId="665544686" sldId="259"/>
            <ac:spMk id="60" creationId="{7F4D3353-EB73-4968-804A-F2D6EAB90058}"/>
          </ac:spMkLst>
        </pc:spChg>
        <pc:spChg chg="mod">
          <ac:chgData name="Kanika Agarwal" userId="03cbc23c4c215ab8" providerId="LiveId" clId="{B411AAE3-1AC9-4531-8945-4F518465D9EA}" dt="2025-01-26T11:55:12.099" v="651"/>
          <ac:spMkLst>
            <pc:docMk/>
            <pc:sldMk cId="665544686" sldId="259"/>
            <ac:spMk id="63" creationId="{D9A87B42-8977-4699-B228-6168CBD69703}"/>
          </ac:spMkLst>
        </pc:spChg>
        <pc:spChg chg="del mod">
          <ac:chgData name="Kanika Agarwal" userId="03cbc23c4c215ab8" providerId="LiveId" clId="{B411AAE3-1AC9-4531-8945-4F518465D9EA}" dt="2025-01-27T12:51:22.122" v="7570"/>
          <ac:spMkLst>
            <pc:docMk/>
            <pc:sldMk cId="665544686" sldId="259"/>
            <ac:spMk id="66" creationId="{03C1E7E4-895A-4A90-8C68-9622AD2E8989}"/>
          </ac:spMkLst>
        </pc:spChg>
        <pc:spChg chg="mod">
          <ac:chgData name="Kanika Agarwal" userId="03cbc23c4c215ab8" providerId="LiveId" clId="{B411AAE3-1AC9-4531-8945-4F518465D9EA}" dt="2025-01-27T13:41:22.609" v="7868" actId="1037"/>
          <ac:spMkLst>
            <pc:docMk/>
            <pc:sldMk cId="665544686" sldId="259"/>
            <ac:spMk id="69" creationId="{81C67F76-6CE8-484D-8E34-8F336BA4AA64}"/>
          </ac:spMkLst>
        </pc:spChg>
        <pc:spChg chg="mod">
          <ac:chgData name="Kanika Agarwal" userId="03cbc23c4c215ab8" providerId="LiveId" clId="{B411AAE3-1AC9-4531-8945-4F518465D9EA}" dt="2025-01-27T13:13:21.669" v="7648" actId="1036"/>
          <ac:spMkLst>
            <pc:docMk/>
            <pc:sldMk cId="665544686" sldId="259"/>
            <ac:spMk id="92" creationId="{E52C4CF3-F3DC-4ACA-8876-76A12968AF5D}"/>
          </ac:spMkLst>
        </pc:spChg>
        <pc:spChg chg="del mod">
          <ac:chgData name="Kanika Agarwal" userId="03cbc23c4c215ab8" providerId="LiveId" clId="{B411AAE3-1AC9-4531-8945-4F518465D9EA}" dt="2025-01-27T07:46:25.062" v="5129"/>
          <ac:spMkLst>
            <pc:docMk/>
            <pc:sldMk cId="665544686" sldId="259"/>
            <ac:spMk id="93" creationId="{E6E5DB42-C281-443B-84F6-8284CFFDC2DE}"/>
          </ac:spMkLst>
        </pc:spChg>
        <pc:spChg chg="del mod">
          <ac:chgData name="Kanika Agarwal" userId="03cbc23c4c215ab8" providerId="LiveId" clId="{B411AAE3-1AC9-4531-8945-4F518465D9EA}" dt="2025-01-27T13:08:30.556" v="7593" actId="478"/>
          <ac:spMkLst>
            <pc:docMk/>
            <pc:sldMk cId="665544686" sldId="259"/>
            <ac:spMk id="96" creationId="{B9494F1F-7BD7-4F46-8228-EC9D6304F0C0}"/>
          </ac:spMkLst>
        </pc:spChg>
        <pc:spChg chg="del mod">
          <ac:chgData name="Kanika Agarwal" userId="03cbc23c4c215ab8" providerId="LiveId" clId="{B411AAE3-1AC9-4531-8945-4F518465D9EA}" dt="2025-01-27T13:08:30.558" v="7595"/>
          <ac:spMkLst>
            <pc:docMk/>
            <pc:sldMk cId="665544686" sldId="259"/>
            <ac:spMk id="100" creationId="{A78E0AAC-81FC-466D-8669-C12AD730E224}"/>
          </ac:spMkLst>
        </pc:spChg>
        <pc:grpChg chg="mod">
          <ac:chgData name="Kanika Agarwal" userId="03cbc23c4c215ab8" providerId="LiveId" clId="{B411AAE3-1AC9-4531-8945-4F518465D9EA}" dt="2025-01-27T13:15:43.129" v="7656" actId="1076"/>
          <ac:grpSpMkLst>
            <pc:docMk/>
            <pc:sldMk cId="665544686" sldId="259"/>
            <ac:grpSpMk id="41" creationId="{29717C9B-B151-4ED9-8E06-1946E0BA8E3B}"/>
          </ac:grpSpMkLst>
        </pc:grpChg>
      </pc:sldChg>
      <pc:sldChg chg="del">
        <pc:chgData name="Kanika Agarwal" userId="03cbc23c4c215ab8" providerId="LiveId" clId="{B411AAE3-1AC9-4531-8945-4F518465D9EA}" dt="2025-01-27T13:38:07.497" v="7789" actId="47"/>
        <pc:sldMkLst>
          <pc:docMk/>
          <pc:sldMk cId="1860432891" sldId="261"/>
        </pc:sldMkLst>
      </pc:sldChg>
      <pc:sldChg chg="del">
        <pc:chgData name="Kanika Agarwal" userId="03cbc23c4c215ab8" providerId="LiveId" clId="{B411AAE3-1AC9-4531-8945-4F518465D9EA}" dt="2025-01-27T13:38:09.133" v="7790" actId="47"/>
        <pc:sldMkLst>
          <pc:docMk/>
          <pc:sldMk cId="568043870" sldId="262"/>
        </pc:sldMkLst>
      </pc:sldChg>
      <pc:sldChg chg="del">
        <pc:chgData name="Kanika Agarwal" userId="03cbc23c4c215ab8" providerId="LiveId" clId="{B411AAE3-1AC9-4531-8945-4F518465D9EA}" dt="2025-01-27T13:38:12.008" v="7791" actId="47"/>
        <pc:sldMkLst>
          <pc:docMk/>
          <pc:sldMk cId="3544660683" sldId="265"/>
        </pc:sldMkLst>
      </pc:sldChg>
      <pc:sldChg chg="addSp delSp modSp mod">
        <pc:chgData name="Kanika Agarwal" userId="03cbc23c4c215ab8" providerId="LiveId" clId="{B411AAE3-1AC9-4531-8945-4F518465D9EA}" dt="2025-01-27T13:41:46.535" v="7874" actId="478"/>
        <pc:sldMkLst>
          <pc:docMk/>
          <pc:sldMk cId="1356983278" sldId="267"/>
        </pc:sldMkLst>
        <pc:spChg chg="add del mod">
          <ac:chgData name="Kanika Agarwal" userId="03cbc23c4c215ab8" providerId="LiveId" clId="{B411AAE3-1AC9-4531-8945-4F518465D9EA}" dt="2025-01-27T13:41:46.535" v="7874" actId="478"/>
          <ac:spMkLst>
            <pc:docMk/>
            <pc:sldMk cId="1356983278" sldId="267"/>
            <ac:spMk id="3" creationId="{B83AFD81-8260-3A2A-0292-72EDD7048101}"/>
          </ac:spMkLst>
        </pc:spChg>
        <pc:spChg chg="del">
          <ac:chgData name="Kanika Agarwal" userId="03cbc23c4c215ab8" providerId="LiveId" clId="{B411AAE3-1AC9-4531-8945-4F518465D9EA}" dt="2025-01-27T13:41:43.142" v="7873" actId="478"/>
          <ac:spMkLst>
            <pc:docMk/>
            <pc:sldMk cId="1356983278" sldId="267"/>
            <ac:spMk id="12" creationId="{7EB10375-31D3-40A9-94FF-61CFE75014F3}"/>
          </ac:spMkLst>
        </pc:spChg>
      </pc:sldChg>
      <pc:sldChg chg="del">
        <pc:chgData name="Kanika Agarwal" userId="03cbc23c4c215ab8" providerId="LiveId" clId="{B411AAE3-1AC9-4531-8945-4F518465D9EA}" dt="2025-01-27T13:38:00.653" v="7787" actId="47"/>
        <pc:sldMkLst>
          <pc:docMk/>
          <pc:sldMk cId="1704605332" sldId="268"/>
        </pc:sldMkLst>
      </pc:sldChg>
      <pc:sldChg chg="del">
        <pc:chgData name="Kanika Agarwal" userId="03cbc23c4c215ab8" providerId="LiveId" clId="{B411AAE3-1AC9-4531-8945-4F518465D9EA}" dt="2025-01-27T13:19:58.476" v="7682" actId="47"/>
        <pc:sldMkLst>
          <pc:docMk/>
          <pc:sldMk cId="3805653199" sldId="269"/>
        </pc:sldMkLst>
      </pc:sldChg>
      <pc:sldChg chg="modSp mod">
        <pc:chgData name="Kanika Agarwal" userId="03cbc23c4c215ab8" providerId="LiveId" clId="{B411AAE3-1AC9-4531-8945-4F518465D9EA}" dt="2025-01-27T13:42:41.347" v="7880" actId="20577"/>
        <pc:sldMkLst>
          <pc:docMk/>
          <pc:sldMk cId="844643847" sldId="270"/>
        </pc:sldMkLst>
        <pc:spChg chg="mod">
          <ac:chgData name="Kanika Agarwal" userId="03cbc23c4c215ab8" providerId="LiveId" clId="{B411AAE3-1AC9-4531-8945-4F518465D9EA}" dt="2025-01-27T13:42:41.347" v="7880" actId="20577"/>
          <ac:spMkLst>
            <pc:docMk/>
            <pc:sldMk cId="844643847" sldId="270"/>
            <ac:spMk id="6" creationId="{F5083B62-A1E7-3139-83C3-8C98EDF56509}"/>
          </ac:spMkLst>
        </pc:spChg>
      </pc:sldChg>
      <pc:sldChg chg="del">
        <pc:chgData name="Kanika Agarwal" userId="03cbc23c4c215ab8" providerId="LiveId" clId="{B411AAE3-1AC9-4531-8945-4F518465D9EA}" dt="2025-01-26T16:07:45.906" v="2454" actId="47"/>
        <pc:sldMkLst>
          <pc:docMk/>
          <pc:sldMk cId="2007056602" sldId="271"/>
        </pc:sldMkLst>
      </pc:sldChg>
      <pc:sldChg chg="addSp delSp modSp del mod ord">
        <pc:chgData name="Kanika Agarwal" userId="03cbc23c4c215ab8" providerId="LiveId" clId="{B411AAE3-1AC9-4531-8945-4F518465D9EA}" dt="2025-01-27T13:37:56.645" v="7785" actId="47"/>
        <pc:sldMkLst>
          <pc:docMk/>
          <pc:sldMk cId="2717245365" sldId="272"/>
        </pc:sldMkLst>
        <pc:spChg chg="add mod">
          <ac:chgData name="Kanika Agarwal" userId="03cbc23c4c215ab8" providerId="LiveId" clId="{B411AAE3-1AC9-4531-8945-4F518465D9EA}" dt="2025-01-26T11:00:23.541" v="0" actId="478"/>
          <ac:spMkLst>
            <pc:docMk/>
            <pc:sldMk cId="2717245365" sldId="272"/>
            <ac:spMk id="18" creationId="{2FC22767-26C9-C41E-EC58-991A7DAF9F20}"/>
          </ac:spMkLst>
        </pc:spChg>
        <pc:spChg chg="add mod">
          <ac:chgData name="Kanika Agarwal" userId="03cbc23c4c215ab8" providerId="LiveId" clId="{B411AAE3-1AC9-4531-8945-4F518465D9EA}" dt="2025-01-26T11:00:29.651" v="1" actId="478"/>
          <ac:spMkLst>
            <pc:docMk/>
            <pc:sldMk cId="2717245365" sldId="272"/>
            <ac:spMk id="22" creationId="{3BFA2541-F324-3B8E-7666-67E2BAC42F22}"/>
          </ac:spMkLst>
        </pc:spChg>
        <pc:picChg chg="del">
          <ac:chgData name="Kanika Agarwal" userId="03cbc23c4c215ab8" providerId="LiveId" clId="{B411AAE3-1AC9-4531-8945-4F518465D9EA}" dt="2025-01-26T11:00:29.651" v="1" actId="478"/>
          <ac:picMkLst>
            <pc:docMk/>
            <pc:sldMk cId="2717245365" sldId="272"/>
            <ac:picMk id="12" creationId="{F9E856FB-0CF7-CCB1-1F44-B8262C191DDC}"/>
          </ac:picMkLst>
        </pc:picChg>
        <pc:picChg chg="del">
          <ac:chgData name="Kanika Agarwal" userId="03cbc23c4c215ab8" providerId="LiveId" clId="{B411AAE3-1AC9-4531-8945-4F518465D9EA}" dt="2025-01-26T11:00:23.541" v="0" actId="478"/>
          <ac:picMkLst>
            <pc:docMk/>
            <pc:sldMk cId="2717245365" sldId="272"/>
            <ac:picMk id="14" creationId="{EB72E888-09D4-EF9F-CB4F-01F571438541}"/>
          </ac:picMkLst>
        </pc:picChg>
      </pc:sldChg>
      <pc:sldChg chg="del">
        <pc:chgData name="Kanika Agarwal" userId="03cbc23c4c215ab8" providerId="LiveId" clId="{B411AAE3-1AC9-4531-8945-4F518465D9EA}" dt="2025-01-27T13:37:58.271" v="7786" actId="47"/>
        <pc:sldMkLst>
          <pc:docMk/>
          <pc:sldMk cId="1950995672" sldId="273"/>
        </pc:sldMkLst>
      </pc:sldChg>
      <pc:sldChg chg="addSp delSp modSp mod">
        <pc:chgData name="Kanika Agarwal" userId="03cbc23c4c215ab8" providerId="LiveId" clId="{B411AAE3-1AC9-4531-8945-4F518465D9EA}" dt="2025-01-27T13:21:13.167" v="7683" actId="1036"/>
        <pc:sldMkLst>
          <pc:docMk/>
          <pc:sldMk cId="680906045" sldId="274"/>
        </pc:sldMkLst>
        <pc:spChg chg="add del mod">
          <ac:chgData name="Kanika Agarwal" userId="03cbc23c4c215ab8" providerId="LiveId" clId="{B411AAE3-1AC9-4531-8945-4F518465D9EA}" dt="2025-01-27T05:55:09.201" v="4313" actId="21"/>
          <ac:spMkLst>
            <pc:docMk/>
            <pc:sldMk cId="680906045" sldId="274"/>
            <ac:spMk id="4" creationId="{44586049-319A-0382-4B3D-6FD95C9BC68D}"/>
          </ac:spMkLst>
        </pc:spChg>
        <pc:spChg chg="add del mod">
          <ac:chgData name="Kanika Agarwal" userId="03cbc23c4c215ab8" providerId="LiveId" clId="{B411AAE3-1AC9-4531-8945-4F518465D9EA}" dt="2025-01-27T05:57:07.292" v="4350"/>
          <ac:spMkLst>
            <pc:docMk/>
            <pc:sldMk cId="680906045" sldId="274"/>
            <ac:spMk id="7" creationId="{745187A5-1DBD-9BFE-4852-874585E7AC65}"/>
          </ac:spMkLst>
        </pc:spChg>
        <pc:spChg chg="del mod">
          <ac:chgData name="Kanika Agarwal" userId="03cbc23c4c215ab8" providerId="LiveId" clId="{B411AAE3-1AC9-4531-8945-4F518465D9EA}" dt="2025-01-27T05:56:20.862" v="4338" actId="478"/>
          <ac:spMkLst>
            <pc:docMk/>
            <pc:sldMk cId="680906045" sldId="274"/>
            <ac:spMk id="8" creationId="{316477DD-D67E-024B-6AA3-397761E27DCD}"/>
          </ac:spMkLst>
        </pc:spChg>
        <pc:spChg chg="add del mod">
          <ac:chgData name="Kanika Agarwal" userId="03cbc23c4c215ab8" providerId="LiveId" clId="{B411AAE3-1AC9-4531-8945-4F518465D9EA}" dt="2025-01-27T05:57:07.308" v="4352"/>
          <ac:spMkLst>
            <pc:docMk/>
            <pc:sldMk cId="680906045" sldId="274"/>
            <ac:spMk id="10" creationId="{87F07A85-FC3F-46A7-E036-1F448AF54B70}"/>
          </ac:spMkLst>
        </pc:spChg>
        <pc:spChg chg="add mod">
          <ac:chgData name="Kanika Agarwal" userId="03cbc23c4c215ab8" providerId="LiveId" clId="{B411AAE3-1AC9-4531-8945-4F518465D9EA}" dt="2025-01-27T06:02:58.604" v="4374" actId="113"/>
          <ac:spMkLst>
            <pc:docMk/>
            <pc:sldMk cId="680906045" sldId="274"/>
            <ac:spMk id="12" creationId="{BCFA4981-8650-B590-28D3-12C069AABDDE}"/>
          </ac:spMkLst>
        </pc:spChg>
        <pc:graphicFrameChg chg="mod">
          <ac:chgData name="Kanika Agarwal" userId="03cbc23c4c215ab8" providerId="LiveId" clId="{B411AAE3-1AC9-4531-8945-4F518465D9EA}" dt="2025-01-27T05:56:37.542" v="4340" actId="1076"/>
          <ac:graphicFrameMkLst>
            <pc:docMk/>
            <pc:sldMk cId="680906045" sldId="274"/>
            <ac:graphicFrameMk id="11" creationId="{744648B3-C249-3306-54C9-C87E7910DE5D}"/>
          </ac:graphicFrameMkLst>
        </pc:graphicFrameChg>
        <pc:picChg chg="del">
          <ac:chgData name="Kanika Agarwal" userId="03cbc23c4c215ab8" providerId="LiveId" clId="{B411AAE3-1AC9-4531-8945-4F518465D9EA}" dt="2025-01-27T05:54:55.247" v="4312" actId="478"/>
          <ac:picMkLst>
            <pc:docMk/>
            <pc:sldMk cId="680906045" sldId="274"/>
            <ac:picMk id="3" creationId="{9402E249-225F-B0B3-9FFB-F379CDE25DC4}"/>
          </ac:picMkLst>
        </pc:picChg>
        <pc:picChg chg="del mod modCrop">
          <ac:chgData name="Kanika Agarwal" userId="03cbc23c4c215ab8" providerId="LiveId" clId="{B411AAE3-1AC9-4531-8945-4F518465D9EA}" dt="2025-01-27T05:54:33.237" v="4307" actId="478"/>
          <ac:picMkLst>
            <pc:docMk/>
            <pc:sldMk cId="680906045" sldId="274"/>
            <ac:picMk id="5" creationId="{88BB9BBE-512A-C7BB-917F-F92F188DDED5}"/>
          </ac:picMkLst>
        </pc:picChg>
        <pc:picChg chg="add del">
          <ac:chgData name="Kanika Agarwal" userId="03cbc23c4c215ab8" providerId="LiveId" clId="{B411AAE3-1AC9-4531-8945-4F518465D9EA}" dt="2025-01-27T06:01:05.719" v="4364" actId="22"/>
          <ac:picMkLst>
            <pc:docMk/>
            <pc:sldMk cId="680906045" sldId="274"/>
            <ac:picMk id="14" creationId="{B238A889-39E3-C42A-0109-713F41CD03DB}"/>
          </ac:picMkLst>
        </pc:picChg>
        <pc:picChg chg="add del mod">
          <ac:chgData name="Kanika Agarwal" userId="03cbc23c4c215ab8" providerId="LiveId" clId="{B411AAE3-1AC9-4531-8945-4F518465D9EA}" dt="2025-01-26T14:14:35.286" v="2141" actId="21"/>
          <ac:picMkLst>
            <pc:docMk/>
            <pc:sldMk cId="680906045" sldId="274"/>
            <ac:picMk id="1027" creationId="{A8C3B6CC-7787-CE2D-840B-4601090798E8}"/>
          </ac:picMkLst>
        </pc:picChg>
        <pc:picChg chg="add del mod">
          <ac:chgData name="Kanika Agarwal" userId="03cbc23c4c215ab8" providerId="LiveId" clId="{B411AAE3-1AC9-4531-8945-4F518465D9EA}" dt="2025-01-27T05:54:16.581" v="4304" actId="478"/>
          <ac:picMkLst>
            <pc:docMk/>
            <pc:sldMk cId="680906045" sldId="274"/>
            <ac:picMk id="2050" creationId="{45BAFA3B-0E7D-2D1E-E280-E908D87F7DCA}"/>
          </ac:picMkLst>
        </pc:picChg>
        <pc:picChg chg="add mod">
          <ac:chgData name="Kanika Agarwal" userId="03cbc23c4c215ab8" providerId="LiveId" clId="{B411AAE3-1AC9-4531-8945-4F518465D9EA}" dt="2025-01-27T13:21:13.167" v="7683" actId="1036"/>
          <ac:picMkLst>
            <pc:docMk/>
            <pc:sldMk cId="680906045" sldId="274"/>
            <ac:picMk id="2052" creationId="{021E82DE-5822-D366-2308-817B7DC439BD}"/>
          </ac:picMkLst>
        </pc:picChg>
        <pc:picChg chg="add mod">
          <ac:chgData name="Kanika Agarwal" userId="03cbc23c4c215ab8" providerId="LiveId" clId="{B411AAE3-1AC9-4531-8945-4F518465D9EA}" dt="2025-01-27T05:56:02.350" v="4336" actId="1038"/>
          <ac:picMkLst>
            <pc:docMk/>
            <pc:sldMk cId="680906045" sldId="274"/>
            <ac:picMk id="2054" creationId="{A343CD01-3779-64C1-DE76-16964621C2F0}"/>
          </ac:picMkLst>
        </pc:picChg>
      </pc:sldChg>
      <pc:sldChg chg="del ord">
        <pc:chgData name="Kanika Agarwal" userId="03cbc23c4c215ab8" providerId="LiveId" clId="{B411AAE3-1AC9-4531-8945-4F518465D9EA}" dt="2025-01-27T13:38:05.331" v="7788" actId="47"/>
        <pc:sldMkLst>
          <pc:docMk/>
          <pc:sldMk cId="4042057740" sldId="275"/>
        </pc:sldMkLst>
      </pc:sldChg>
      <pc:sldChg chg="delSp modSp add mod">
        <pc:chgData name="Kanika Agarwal" userId="03cbc23c4c215ab8" providerId="LiveId" clId="{B411AAE3-1AC9-4531-8945-4F518465D9EA}" dt="2025-01-26T11:35:19.269" v="118" actId="20577"/>
        <pc:sldMkLst>
          <pc:docMk/>
          <pc:sldMk cId="4139149646" sldId="276"/>
        </pc:sldMkLst>
        <pc:spChg chg="del mod">
          <ac:chgData name="Kanika Agarwal" userId="03cbc23c4c215ab8" providerId="LiveId" clId="{B411AAE3-1AC9-4531-8945-4F518465D9EA}" dt="2025-01-26T11:34:46.102" v="62" actId="478"/>
          <ac:spMkLst>
            <pc:docMk/>
            <pc:sldMk cId="4139149646" sldId="276"/>
            <ac:spMk id="5" creationId="{A968DE83-4F44-80ED-DCDC-88D82DC05797}"/>
          </ac:spMkLst>
        </pc:spChg>
        <pc:spChg chg="mod">
          <ac:chgData name="Kanika Agarwal" userId="03cbc23c4c215ab8" providerId="LiveId" clId="{B411AAE3-1AC9-4531-8945-4F518465D9EA}" dt="2025-01-26T11:35:19.269" v="118" actId="20577"/>
          <ac:spMkLst>
            <pc:docMk/>
            <pc:sldMk cId="4139149646" sldId="276"/>
            <ac:spMk id="7" creationId="{455F9358-DA3E-99F6-F267-EC33B89137C0}"/>
          </ac:spMkLst>
        </pc:spChg>
      </pc:sldChg>
      <pc:sldChg chg="modSp add mod ord">
        <pc:chgData name="Kanika Agarwal" userId="03cbc23c4c215ab8" providerId="LiveId" clId="{B411AAE3-1AC9-4531-8945-4F518465D9EA}" dt="2025-01-26T11:36:15.216" v="151"/>
        <pc:sldMkLst>
          <pc:docMk/>
          <pc:sldMk cId="2472357253" sldId="277"/>
        </pc:sldMkLst>
        <pc:spChg chg="mod">
          <ac:chgData name="Kanika Agarwal" userId="03cbc23c4c215ab8" providerId="LiveId" clId="{B411AAE3-1AC9-4531-8945-4F518465D9EA}" dt="2025-01-26T11:35:44.381" v="142" actId="20577"/>
          <ac:spMkLst>
            <pc:docMk/>
            <pc:sldMk cId="2472357253" sldId="277"/>
            <ac:spMk id="7" creationId="{B1BB63F2-6BFA-20FD-AF04-7BF0AE893489}"/>
          </ac:spMkLst>
        </pc:spChg>
      </pc:sldChg>
      <pc:sldChg chg="add ord">
        <pc:chgData name="Kanika Agarwal" userId="03cbc23c4c215ab8" providerId="LiveId" clId="{B411AAE3-1AC9-4531-8945-4F518465D9EA}" dt="2025-01-26T11:35:50.126" v="144"/>
        <pc:sldMkLst>
          <pc:docMk/>
          <pc:sldMk cId="2935373592" sldId="278"/>
        </pc:sldMkLst>
      </pc:sldChg>
      <pc:sldChg chg="addSp delSp modSp add del mod ord">
        <pc:chgData name="Kanika Agarwal" userId="03cbc23c4c215ab8" providerId="LiveId" clId="{B411AAE3-1AC9-4531-8945-4F518465D9EA}" dt="2025-01-26T12:00:27.436" v="724" actId="47"/>
        <pc:sldMkLst>
          <pc:docMk/>
          <pc:sldMk cId="1351044577" sldId="279"/>
        </pc:sldMkLst>
        <pc:spChg chg="add del mod">
          <ac:chgData name="Kanika Agarwal" userId="03cbc23c4c215ab8" providerId="LiveId" clId="{B411AAE3-1AC9-4531-8945-4F518465D9EA}" dt="2025-01-26T11:40:08.639" v="298" actId="21"/>
          <ac:spMkLst>
            <pc:docMk/>
            <pc:sldMk cId="1351044577" sldId="279"/>
            <ac:spMk id="4" creationId="{353F51DA-ABDA-01C4-CDA9-4C473B7C8678}"/>
          </ac:spMkLst>
        </pc:spChg>
        <pc:spChg chg="mod">
          <ac:chgData name="Kanika Agarwal" userId="03cbc23c4c215ab8" providerId="LiveId" clId="{B411AAE3-1AC9-4531-8945-4F518465D9EA}" dt="2025-01-26T11:40:46.850" v="308" actId="20577"/>
          <ac:spMkLst>
            <pc:docMk/>
            <pc:sldMk cId="1351044577" sldId="279"/>
            <ac:spMk id="6" creationId="{D0ADF558-AE00-E78F-8BE3-38347F4A7975}"/>
          </ac:spMkLst>
        </pc:spChg>
        <pc:spChg chg="del">
          <ac:chgData name="Kanika Agarwal" userId="03cbc23c4c215ab8" providerId="LiveId" clId="{B411AAE3-1AC9-4531-8945-4F518465D9EA}" dt="2025-01-26T11:40:14.061" v="300" actId="478"/>
          <ac:spMkLst>
            <pc:docMk/>
            <pc:sldMk cId="1351044577" sldId="279"/>
            <ac:spMk id="8" creationId="{05DFF578-C482-B268-8C25-B6C059887CDE}"/>
          </ac:spMkLst>
        </pc:spChg>
        <pc:graphicFrameChg chg="del">
          <ac:chgData name="Kanika Agarwal" userId="03cbc23c4c215ab8" providerId="LiveId" clId="{B411AAE3-1AC9-4531-8945-4F518465D9EA}" dt="2025-01-26T11:40:11.237" v="299" actId="478"/>
          <ac:graphicFrameMkLst>
            <pc:docMk/>
            <pc:sldMk cId="1351044577" sldId="279"/>
            <ac:graphicFrameMk id="11" creationId="{4BE83F51-1513-05CD-96F4-4591F5D040D8}"/>
          </ac:graphicFrameMkLst>
        </pc:graphicFrameChg>
        <pc:picChg chg="del">
          <ac:chgData name="Kanika Agarwal" userId="03cbc23c4c215ab8" providerId="LiveId" clId="{B411AAE3-1AC9-4531-8945-4F518465D9EA}" dt="2025-01-26T11:39:44.952" v="295" actId="478"/>
          <ac:picMkLst>
            <pc:docMk/>
            <pc:sldMk cId="1351044577" sldId="279"/>
            <ac:picMk id="3" creationId="{0BF2E9B5-7764-1FE8-7590-B3BF4122549A}"/>
          </ac:picMkLst>
        </pc:picChg>
        <pc:picChg chg="del">
          <ac:chgData name="Kanika Agarwal" userId="03cbc23c4c215ab8" providerId="LiveId" clId="{B411AAE3-1AC9-4531-8945-4F518465D9EA}" dt="2025-01-26T11:39:49.194" v="296" actId="478"/>
          <ac:picMkLst>
            <pc:docMk/>
            <pc:sldMk cId="1351044577" sldId="279"/>
            <ac:picMk id="5" creationId="{659B056C-C5D6-AFBC-5CE0-1457739AFF33}"/>
          </ac:picMkLst>
        </pc:picChg>
        <pc:picChg chg="add mod">
          <ac:chgData name="Kanika Agarwal" userId="03cbc23c4c215ab8" providerId="LiveId" clId="{B411AAE3-1AC9-4531-8945-4F518465D9EA}" dt="2025-01-26T11:40:20.091" v="303" actId="1076"/>
          <ac:picMkLst>
            <pc:docMk/>
            <pc:sldMk cId="1351044577" sldId="279"/>
            <ac:picMk id="2050" creationId="{4F589DD7-5326-17E2-39D4-1116D3011879}"/>
          </ac:picMkLst>
        </pc:picChg>
      </pc:sldChg>
      <pc:sldChg chg="add del ord">
        <pc:chgData name="Kanika Agarwal" userId="03cbc23c4c215ab8" providerId="LiveId" clId="{B411AAE3-1AC9-4531-8945-4F518465D9EA}" dt="2025-01-26T11:36:23.922" v="154" actId="47"/>
        <pc:sldMkLst>
          <pc:docMk/>
          <pc:sldMk cId="1836539356" sldId="279"/>
        </pc:sldMkLst>
      </pc:sldChg>
      <pc:sldChg chg="addSp delSp modSp add mod">
        <pc:chgData name="Kanika Agarwal" userId="03cbc23c4c215ab8" providerId="LiveId" clId="{B411AAE3-1AC9-4531-8945-4F518465D9EA}" dt="2025-01-27T13:49:11.718" v="7902" actId="20577"/>
        <pc:sldMkLst>
          <pc:docMk/>
          <pc:sldMk cId="3585745592" sldId="280"/>
        </pc:sldMkLst>
        <pc:spChg chg="add del mod ord">
          <ac:chgData name="Kanika Agarwal" userId="03cbc23c4c215ab8" providerId="LiveId" clId="{B411AAE3-1AC9-4531-8945-4F518465D9EA}" dt="2025-01-26T13:04:27.629" v="1773" actId="478"/>
          <ac:spMkLst>
            <pc:docMk/>
            <pc:sldMk cId="3585745592" sldId="280"/>
            <ac:spMk id="3" creationId="{83EE8BF1-2BEB-89B1-D8FD-6E1079880A9E}"/>
          </ac:spMkLst>
        </pc:spChg>
        <pc:spChg chg="add del mod">
          <ac:chgData name="Kanika Agarwal" userId="03cbc23c4c215ab8" providerId="LiveId" clId="{B411AAE3-1AC9-4531-8945-4F518465D9EA}" dt="2025-01-26T11:45:04.038" v="414" actId="478"/>
          <ac:spMkLst>
            <pc:docMk/>
            <pc:sldMk cId="3585745592" sldId="280"/>
            <ac:spMk id="5" creationId="{72CB7DB6-9F0E-7E73-D6E2-6F706A0C1AA2}"/>
          </ac:spMkLst>
        </pc:spChg>
        <pc:spChg chg="add del mod">
          <ac:chgData name="Kanika Agarwal" userId="03cbc23c4c215ab8" providerId="LiveId" clId="{B411AAE3-1AC9-4531-8945-4F518465D9EA}" dt="2025-01-26T11:50:20.492" v="493" actId="21"/>
          <ac:spMkLst>
            <pc:docMk/>
            <pc:sldMk cId="3585745592" sldId="280"/>
            <ac:spMk id="10" creationId="{59A36844-7F59-AD90-2AB5-1269B07A79EF}"/>
          </ac:spMkLst>
        </pc:spChg>
        <pc:spChg chg="mod">
          <ac:chgData name="Kanika Agarwal" userId="03cbc23c4c215ab8" providerId="LiveId" clId="{B411AAE3-1AC9-4531-8945-4F518465D9EA}" dt="2025-01-26T19:09:50.034" v="3069" actId="20577"/>
          <ac:spMkLst>
            <pc:docMk/>
            <pc:sldMk cId="3585745592" sldId="280"/>
            <ac:spMk id="11" creationId="{984DF825-2A45-7A86-2864-83FDC55274D0}"/>
          </ac:spMkLst>
        </pc:spChg>
        <pc:spChg chg="add del mod">
          <ac:chgData name="Kanika Agarwal" userId="03cbc23c4c215ab8" providerId="LiveId" clId="{B411AAE3-1AC9-4531-8945-4F518465D9EA}" dt="2025-01-26T11:50:08.286" v="492" actId="478"/>
          <ac:spMkLst>
            <pc:docMk/>
            <pc:sldMk cId="3585745592" sldId="280"/>
            <ac:spMk id="12" creationId="{B94B6722-4D88-CAAF-18E2-3DB6357B4E39}"/>
          </ac:spMkLst>
        </pc:spChg>
        <pc:spChg chg="mod">
          <ac:chgData name="Kanika Agarwal" userId="03cbc23c4c215ab8" providerId="LiveId" clId="{B411AAE3-1AC9-4531-8945-4F518465D9EA}" dt="2025-01-26T19:08:12.649" v="3067" actId="404"/>
          <ac:spMkLst>
            <pc:docMk/>
            <pc:sldMk cId="3585745592" sldId="280"/>
            <ac:spMk id="13" creationId="{7915BC52-91FE-BEE7-B630-697FF950048A}"/>
          </ac:spMkLst>
        </pc:spChg>
        <pc:spChg chg="mod">
          <ac:chgData name="Kanika Agarwal" userId="03cbc23c4c215ab8" providerId="LiveId" clId="{B411AAE3-1AC9-4531-8945-4F518465D9EA}" dt="2025-01-26T19:08:17.203" v="3068" actId="404"/>
          <ac:spMkLst>
            <pc:docMk/>
            <pc:sldMk cId="3585745592" sldId="280"/>
            <ac:spMk id="14" creationId="{A60B0002-B6FD-B054-DA1A-C6418672652F}"/>
          </ac:spMkLst>
        </pc:spChg>
        <pc:spChg chg="add mod ord">
          <ac:chgData name="Kanika Agarwal" userId="03cbc23c4c215ab8" providerId="LiveId" clId="{B411AAE3-1AC9-4531-8945-4F518465D9EA}" dt="2025-01-27T13:49:11.718" v="7902" actId="20577"/>
          <ac:spMkLst>
            <pc:docMk/>
            <pc:sldMk cId="3585745592" sldId="280"/>
            <ac:spMk id="15" creationId="{4CEBB838-87C0-99F0-2A1B-1E7418D19A3A}"/>
          </ac:spMkLst>
        </pc:spChg>
        <pc:spChg chg="add mod">
          <ac:chgData name="Kanika Agarwal" userId="03cbc23c4c215ab8" providerId="LiveId" clId="{B411AAE3-1AC9-4531-8945-4F518465D9EA}" dt="2025-01-26T13:04:05.683" v="1768"/>
          <ac:spMkLst>
            <pc:docMk/>
            <pc:sldMk cId="3585745592" sldId="280"/>
            <ac:spMk id="16" creationId="{DF74AC3C-4858-4AB1-9A24-5DC1DF5494B6}"/>
          </ac:spMkLst>
        </pc:spChg>
        <pc:spChg chg="mod">
          <ac:chgData name="Kanika Agarwal" userId="03cbc23c4c215ab8" providerId="LiveId" clId="{B411AAE3-1AC9-4531-8945-4F518465D9EA}" dt="2025-01-26T17:27:49.570" v="2711" actId="20577"/>
          <ac:spMkLst>
            <pc:docMk/>
            <pc:sldMk cId="3585745592" sldId="280"/>
            <ac:spMk id="19" creationId="{015B7624-497E-F9FA-4E0F-F9B38EDA48DA}"/>
          </ac:spMkLst>
        </pc:spChg>
        <pc:spChg chg="mod">
          <ac:chgData name="Kanika Agarwal" userId="03cbc23c4c215ab8" providerId="LiveId" clId="{B411AAE3-1AC9-4531-8945-4F518465D9EA}" dt="2025-01-26T17:26:02.462" v="2687" actId="20577"/>
          <ac:spMkLst>
            <pc:docMk/>
            <pc:sldMk cId="3585745592" sldId="280"/>
            <ac:spMk id="20" creationId="{AADAA6C2-D63B-61D7-3F5D-579066D5E39E}"/>
          </ac:spMkLst>
        </pc:spChg>
        <pc:spChg chg="del">
          <ac:chgData name="Kanika Agarwal" userId="03cbc23c4c215ab8" providerId="LiveId" clId="{B411AAE3-1AC9-4531-8945-4F518465D9EA}" dt="2025-01-26T11:41:02.250" v="310" actId="478"/>
          <ac:spMkLst>
            <pc:docMk/>
            <pc:sldMk cId="3585745592" sldId="280"/>
            <ac:spMk id="21" creationId="{7BC460E7-3310-B4A3-8DE0-C92D5014C56D}"/>
          </ac:spMkLst>
        </pc:spChg>
        <pc:spChg chg="del">
          <ac:chgData name="Kanika Agarwal" userId="03cbc23c4c215ab8" providerId="LiveId" clId="{B411AAE3-1AC9-4531-8945-4F518465D9EA}" dt="2025-01-26T11:41:02.250" v="310" actId="478"/>
          <ac:spMkLst>
            <pc:docMk/>
            <pc:sldMk cId="3585745592" sldId="280"/>
            <ac:spMk id="22" creationId="{6EA5FA9E-30E7-1B49-8C4A-59891184F5FD}"/>
          </ac:spMkLst>
        </pc:spChg>
        <pc:spChg chg="add del">
          <ac:chgData name="Kanika Agarwal" userId="03cbc23c4c215ab8" providerId="LiveId" clId="{B411AAE3-1AC9-4531-8945-4F518465D9EA}" dt="2025-01-26T11:43:58.107" v="397" actId="478"/>
          <ac:spMkLst>
            <pc:docMk/>
            <pc:sldMk cId="3585745592" sldId="280"/>
            <ac:spMk id="23" creationId="{195A4EF1-E72D-D5AA-07A5-434B97ED0A6D}"/>
          </ac:spMkLst>
        </pc:spChg>
        <pc:spChg chg="del">
          <ac:chgData name="Kanika Agarwal" userId="03cbc23c4c215ab8" providerId="LiveId" clId="{B411AAE3-1AC9-4531-8945-4F518465D9EA}" dt="2025-01-26T11:43:58.107" v="397" actId="478"/>
          <ac:spMkLst>
            <pc:docMk/>
            <pc:sldMk cId="3585745592" sldId="280"/>
            <ac:spMk id="24" creationId="{8E4F6C66-0D5A-9D86-2334-6B2761B7B454}"/>
          </ac:spMkLst>
        </pc:spChg>
        <pc:spChg chg="del">
          <ac:chgData name="Kanika Agarwal" userId="03cbc23c4c215ab8" providerId="LiveId" clId="{B411AAE3-1AC9-4531-8945-4F518465D9EA}" dt="2025-01-26T11:49:17.181" v="483" actId="478"/>
          <ac:spMkLst>
            <pc:docMk/>
            <pc:sldMk cId="3585745592" sldId="280"/>
            <ac:spMk id="27" creationId="{A211B664-944F-32AD-D4AD-6F556E14520E}"/>
          </ac:spMkLst>
        </pc:spChg>
        <pc:spChg chg="del">
          <ac:chgData name="Kanika Agarwal" userId="03cbc23c4c215ab8" providerId="LiveId" clId="{B411AAE3-1AC9-4531-8945-4F518465D9EA}" dt="2025-01-26T11:45:56.520" v="423" actId="478"/>
          <ac:spMkLst>
            <pc:docMk/>
            <pc:sldMk cId="3585745592" sldId="280"/>
            <ac:spMk id="29" creationId="{601C0D0B-1CB9-560C-9D9D-37614B8D2C05}"/>
          </ac:spMkLst>
        </pc:spChg>
        <pc:spChg chg="del">
          <ac:chgData name="Kanika Agarwal" userId="03cbc23c4c215ab8" providerId="LiveId" clId="{B411AAE3-1AC9-4531-8945-4F518465D9EA}" dt="2025-01-26T11:45:56.520" v="423" actId="478"/>
          <ac:spMkLst>
            <pc:docMk/>
            <pc:sldMk cId="3585745592" sldId="280"/>
            <ac:spMk id="30" creationId="{64A204C7-EB6E-36C2-B0A7-40DCED92655E}"/>
          </ac:spMkLst>
        </pc:spChg>
        <pc:spChg chg="del mod">
          <ac:chgData name="Kanika Agarwal" userId="03cbc23c4c215ab8" providerId="LiveId" clId="{B411AAE3-1AC9-4531-8945-4F518465D9EA}" dt="2025-01-26T16:24:12.949" v="2486"/>
          <ac:spMkLst>
            <pc:docMk/>
            <pc:sldMk cId="3585745592" sldId="280"/>
            <ac:spMk id="31" creationId="{48446A61-BFA0-4BFB-BEE0-387DC5FC75C3}"/>
          </ac:spMkLst>
        </pc:spChg>
        <pc:spChg chg="del">
          <ac:chgData name="Kanika Agarwal" userId="03cbc23c4c215ab8" providerId="LiveId" clId="{B411AAE3-1AC9-4531-8945-4F518465D9EA}" dt="2025-01-26T11:42:54.516" v="372" actId="478"/>
          <ac:spMkLst>
            <pc:docMk/>
            <pc:sldMk cId="3585745592" sldId="280"/>
            <ac:spMk id="32" creationId="{4CF2E28A-F593-6DC3-798D-70A0F8B2D138}"/>
          </ac:spMkLst>
        </pc:spChg>
        <pc:spChg chg="del mod">
          <ac:chgData name="Kanika Agarwal" userId="03cbc23c4c215ab8" providerId="LiveId" clId="{B411AAE3-1AC9-4531-8945-4F518465D9EA}" dt="2025-01-26T16:39:03.269" v="2591"/>
          <ac:spMkLst>
            <pc:docMk/>
            <pc:sldMk cId="3585745592" sldId="280"/>
            <ac:spMk id="33" creationId="{2BB25E44-A770-4154-E587-CB63463C80C9}"/>
          </ac:spMkLst>
        </pc:spChg>
        <pc:spChg chg="del mod">
          <ac:chgData name="Kanika Agarwal" userId="03cbc23c4c215ab8" providerId="LiveId" clId="{B411AAE3-1AC9-4531-8945-4F518465D9EA}" dt="2025-01-26T16:39:03.269" v="2589" actId="478"/>
          <ac:spMkLst>
            <pc:docMk/>
            <pc:sldMk cId="3585745592" sldId="280"/>
            <ac:spMk id="34" creationId="{FB766C4B-6212-0E79-A335-1B8F8D80076A}"/>
          </ac:spMkLst>
        </pc:spChg>
        <pc:graphicFrameChg chg="add del mod modGraphic">
          <ac:chgData name="Kanika Agarwal" userId="03cbc23c4c215ab8" providerId="LiveId" clId="{B411AAE3-1AC9-4531-8945-4F518465D9EA}" dt="2025-01-26T17:40:43.126" v="2824" actId="27309"/>
          <ac:graphicFrameMkLst>
            <pc:docMk/>
            <pc:sldMk cId="3585745592" sldId="280"/>
            <ac:graphicFrameMk id="25" creationId="{03669B09-B378-52F5-FE01-2BCDF7CB2178}"/>
          </ac:graphicFrameMkLst>
        </pc:graphicFrameChg>
        <pc:graphicFrameChg chg="add mod">
          <ac:chgData name="Kanika Agarwal" userId="03cbc23c4c215ab8" providerId="LiveId" clId="{B411AAE3-1AC9-4531-8945-4F518465D9EA}" dt="2025-01-26T17:40:22.023" v="2813"/>
          <ac:graphicFrameMkLst>
            <pc:docMk/>
            <pc:sldMk cId="3585745592" sldId="280"/>
            <ac:graphicFrameMk id="35" creationId="{03669B09-B378-52F5-FE01-2BCDF7CB2178}"/>
          </ac:graphicFrameMkLst>
        </pc:graphicFrameChg>
        <pc:graphicFrameChg chg="add del modGraphic">
          <ac:chgData name="Kanika Agarwal" userId="03cbc23c4c215ab8" providerId="LiveId" clId="{B411AAE3-1AC9-4531-8945-4F518465D9EA}" dt="2025-01-26T17:43:17.541" v="2844" actId="27309"/>
          <ac:graphicFrameMkLst>
            <pc:docMk/>
            <pc:sldMk cId="3585745592" sldId="280"/>
            <ac:graphicFrameMk id="37" creationId="{39CAA7B6-0F35-2973-A302-4EA67F49BB07}"/>
          </ac:graphicFrameMkLst>
        </pc:graphicFrameChg>
        <pc:graphicFrameChg chg="add mod modGraphic">
          <ac:chgData name="Kanika Agarwal" userId="03cbc23c4c215ab8" providerId="LiveId" clId="{B411AAE3-1AC9-4531-8945-4F518465D9EA}" dt="2025-01-26T17:53:07.433" v="2978" actId="1037"/>
          <ac:graphicFrameMkLst>
            <pc:docMk/>
            <pc:sldMk cId="3585745592" sldId="280"/>
            <ac:graphicFrameMk id="39" creationId="{148C0FB4-7868-AD33-A0DF-A96C50569D82}"/>
          </ac:graphicFrameMkLst>
        </pc:graphicFrameChg>
        <pc:graphicFrameChg chg="add mod modGraphic">
          <ac:chgData name="Kanika Agarwal" userId="03cbc23c4c215ab8" providerId="LiveId" clId="{B411AAE3-1AC9-4531-8945-4F518465D9EA}" dt="2025-01-26T17:53:13.510" v="2981" actId="1037"/>
          <ac:graphicFrameMkLst>
            <pc:docMk/>
            <pc:sldMk cId="3585745592" sldId="280"/>
            <ac:graphicFrameMk id="41" creationId="{856B43D0-15B3-E60F-6612-2C90D6414DB8}"/>
          </ac:graphicFrameMkLst>
        </pc:graphicFrameChg>
        <pc:graphicFrameChg chg="add mod modGraphic">
          <ac:chgData name="Kanika Agarwal" userId="03cbc23c4c215ab8" providerId="LiveId" clId="{B411AAE3-1AC9-4531-8945-4F518465D9EA}" dt="2025-01-26T17:53:19.403" v="2985" actId="1037"/>
          <ac:graphicFrameMkLst>
            <pc:docMk/>
            <pc:sldMk cId="3585745592" sldId="280"/>
            <ac:graphicFrameMk id="43" creationId="{EF2DEF95-CE4A-B558-8E8D-7F5FE8EA04B4}"/>
          </ac:graphicFrameMkLst>
        </pc:graphicFrameChg>
        <pc:graphicFrameChg chg="add mod modGraphic">
          <ac:chgData name="Kanika Agarwal" userId="03cbc23c4c215ab8" providerId="LiveId" clId="{B411AAE3-1AC9-4531-8945-4F518465D9EA}" dt="2025-01-26T17:53:38.476" v="2991" actId="1037"/>
          <ac:graphicFrameMkLst>
            <pc:docMk/>
            <pc:sldMk cId="3585745592" sldId="280"/>
            <ac:graphicFrameMk id="45" creationId="{B631C4F8-454B-81AE-2A98-66BB3AE268C6}"/>
          </ac:graphicFrameMkLst>
        </pc:graphicFrameChg>
        <pc:picChg chg="add del mod">
          <ac:chgData name="Kanika Agarwal" userId="03cbc23c4c215ab8" providerId="LiveId" clId="{B411AAE3-1AC9-4531-8945-4F518465D9EA}" dt="2025-01-26T16:19:52.765" v="2463" actId="478"/>
          <ac:picMkLst>
            <pc:docMk/>
            <pc:sldMk cId="3585745592" sldId="280"/>
            <ac:picMk id="2" creationId="{C4C3ADDC-C841-B464-0589-2F3A60C6A7EE}"/>
          </ac:picMkLst>
        </pc:picChg>
        <pc:picChg chg="add del mod">
          <ac:chgData name="Kanika Agarwal" userId="03cbc23c4c215ab8" providerId="LiveId" clId="{B411AAE3-1AC9-4531-8945-4F518465D9EA}" dt="2025-01-26T16:30:51.785" v="2551" actId="478"/>
          <ac:picMkLst>
            <pc:docMk/>
            <pc:sldMk cId="3585745592" sldId="280"/>
            <ac:picMk id="7" creationId="{118D4C59-7CE9-CF9C-5B00-CC56A6ADFE82}"/>
          </ac:picMkLst>
        </pc:picChg>
        <pc:picChg chg="add del mod">
          <ac:chgData name="Kanika Agarwal" userId="03cbc23c4c215ab8" providerId="LiveId" clId="{B411AAE3-1AC9-4531-8945-4F518465D9EA}" dt="2025-01-26T13:27:14.782" v="1835" actId="478"/>
          <ac:picMkLst>
            <pc:docMk/>
            <pc:sldMk cId="3585745592" sldId="280"/>
            <ac:picMk id="8" creationId="{6BA23071-493E-2E77-2AD6-01C009771574}"/>
          </ac:picMkLst>
        </pc:picChg>
        <pc:picChg chg="add mod">
          <ac:chgData name="Kanika Agarwal" userId="03cbc23c4c215ab8" providerId="LiveId" clId="{B411AAE3-1AC9-4531-8945-4F518465D9EA}" dt="2025-01-26T16:48:35.243" v="2655"/>
          <ac:picMkLst>
            <pc:docMk/>
            <pc:sldMk cId="3585745592" sldId="280"/>
            <ac:picMk id="17" creationId="{E392C337-826C-8A6A-DC6B-893E6BD41BF3}"/>
          </ac:picMkLst>
        </pc:picChg>
        <pc:picChg chg="add del mod">
          <ac:chgData name="Kanika Agarwal" userId="03cbc23c4c215ab8" providerId="LiveId" clId="{B411AAE3-1AC9-4531-8945-4F518465D9EA}" dt="2025-01-26T16:25:33.356" v="2502" actId="478"/>
          <ac:picMkLst>
            <pc:docMk/>
            <pc:sldMk cId="3585745592" sldId="280"/>
            <ac:picMk id="3074" creationId="{C2520EDD-ACF0-9B89-9215-38C3542CEF5C}"/>
          </ac:picMkLst>
        </pc:picChg>
        <pc:picChg chg="add del mod">
          <ac:chgData name="Kanika Agarwal" userId="03cbc23c4c215ab8" providerId="LiveId" clId="{B411AAE3-1AC9-4531-8945-4F518465D9EA}" dt="2025-01-26T13:24:51.894" v="1810" actId="21"/>
          <ac:picMkLst>
            <pc:docMk/>
            <pc:sldMk cId="3585745592" sldId="280"/>
            <ac:picMk id="3076" creationId="{FF569988-D737-EBDE-7289-C5D0DD68723A}"/>
          </ac:picMkLst>
        </pc:picChg>
        <pc:picChg chg="add del mod">
          <ac:chgData name="Kanika Agarwal" userId="03cbc23c4c215ab8" providerId="LiveId" clId="{B411AAE3-1AC9-4531-8945-4F518465D9EA}" dt="2025-01-26T17:51:24.702" v="2964" actId="478"/>
          <ac:picMkLst>
            <pc:docMk/>
            <pc:sldMk cId="3585745592" sldId="280"/>
            <ac:picMk id="3078" creationId="{F9C1FFE1-DDD8-A357-B246-35FE9036D110}"/>
          </ac:picMkLst>
        </pc:picChg>
        <pc:picChg chg="add del mod">
          <ac:chgData name="Kanika Agarwal" userId="03cbc23c4c215ab8" providerId="LiveId" clId="{B411AAE3-1AC9-4531-8945-4F518465D9EA}" dt="2025-01-26T17:44:19.953" v="2853" actId="478"/>
          <ac:picMkLst>
            <pc:docMk/>
            <pc:sldMk cId="3585745592" sldId="280"/>
            <ac:picMk id="3080" creationId="{0415899A-A5BD-873F-8CEB-30B1078F29AE}"/>
          </ac:picMkLst>
        </pc:picChg>
        <pc:picChg chg="add del mod">
          <ac:chgData name="Kanika Agarwal" userId="03cbc23c4c215ab8" providerId="LiveId" clId="{B411AAE3-1AC9-4531-8945-4F518465D9EA}" dt="2025-01-26T17:47:16.549" v="2909" actId="478"/>
          <ac:picMkLst>
            <pc:docMk/>
            <pc:sldMk cId="3585745592" sldId="280"/>
            <ac:picMk id="3082" creationId="{52BDEB29-E421-87C8-90E1-5993A514F2F6}"/>
          </ac:picMkLst>
        </pc:picChg>
        <pc:picChg chg="add del mod">
          <ac:chgData name="Kanika Agarwal" userId="03cbc23c4c215ab8" providerId="LiveId" clId="{B411AAE3-1AC9-4531-8945-4F518465D9EA}" dt="2025-01-26T17:49:46.033" v="2948" actId="478"/>
          <ac:picMkLst>
            <pc:docMk/>
            <pc:sldMk cId="3585745592" sldId="280"/>
            <ac:picMk id="3084" creationId="{E94C356F-5BAE-80AE-8EBE-42C2220D58E0}"/>
          </ac:picMkLst>
        </pc:picChg>
      </pc:sldChg>
      <pc:sldChg chg="modSp add del mod">
        <pc:chgData name="Kanika Agarwal" userId="03cbc23c4c215ab8" providerId="LiveId" clId="{B411AAE3-1AC9-4531-8945-4F518465D9EA}" dt="2025-01-26T11:51:22.144" v="530" actId="47"/>
        <pc:sldMkLst>
          <pc:docMk/>
          <pc:sldMk cId="1757523313" sldId="281"/>
        </pc:sldMkLst>
        <pc:spChg chg="mod">
          <ac:chgData name="Kanika Agarwal" userId="03cbc23c4c215ab8" providerId="LiveId" clId="{B411AAE3-1AC9-4531-8945-4F518465D9EA}" dt="2025-01-26T11:50:58.037" v="528" actId="20577"/>
          <ac:spMkLst>
            <pc:docMk/>
            <pc:sldMk cId="1757523313" sldId="281"/>
            <ac:spMk id="20" creationId="{38BEEFAE-EE32-6224-BCDA-C0EE4EDF65BF}"/>
          </ac:spMkLst>
        </pc:spChg>
      </pc:sldChg>
      <pc:sldChg chg="addSp delSp modSp add del mod ord">
        <pc:chgData name="Kanika Agarwal" userId="03cbc23c4c215ab8" providerId="LiveId" clId="{B411AAE3-1AC9-4531-8945-4F518465D9EA}" dt="2025-01-27T07:26:10.282" v="4591" actId="47"/>
        <pc:sldMkLst>
          <pc:docMk/>
          <pc:sldMk cId="1989220826" sldId="282"/>
        </pc:sldMkLst>
        <pc:spChg chg="add del mod">
          <ac:chgData name="Kanika Agarwal" userId="03cbc23c4c215ab8" providerId="LiveId" clId="{B411AAE3-1AC9-4531-8945-4F518465D9EA}" dt="2025-01-26T16:08:02.784" v="2457" actId="21"/>
          <ac:spMkLst>
            <pc:docMk/>
            <pc:sldMk cId="1989220826" sldId="282"/>
            <ac:spMk id="2" creationId="{2B8E662B-09B0-3BA5-1C75-6A06BBA63443}"/>
          </ac:spMkLst>
        </pc:spChg>
        <pc:spChg chg="mod">
          <ac:chgData name="Kanika Agarwal" userId="03cbc23c4c215ab8" providerId="LiveId" clId="{B411AAE3-1AC9-4531-8945-4F518465D9EA}" dt="2025-01-26T11:51:41.240" v="582" actId="20577"/>
          <ac:spMkLst>
            <pc:docMk/>
            <pc:sldMk cId="1989220826" sldId="282"/>
            <ac:spMk id="30" creationId="{9554C745-C457-A7CB-9C69-70CCF2E2853C}"/>
          </ac:spMkLst>
        </pc:spChg>
        <pc:picChg chg="add del mod">
          <ac:chgData name="Kanika Agarwal" userId="03cbc23c4c215ab8" providerId="LiveId" clId="{B411AAE3-1AC9-4531-8945-4F518465D9EA}" dt="2025-01-26T11:58:36.570" v="715" actId="478"/>
          <ac:picMkLst>
            <pc:docMk/>
            <pc:sldMk cId="1989220826" sldId="282"/>
            <ac:picMk id="4098" creationId="{E54094DE-EE7C-D9ED-32D7-2C8B1EA2160D}"/>
          </ac:picMkLst>
        </pc:picChg>
      </pc:sldChg>
      <pc:sldChg chg="addSp delSp modSp add mod ord">
        <pc:chgData name="Kanika Agarwal" userId="03cbc23c4c215ab8" providerId="LiveId" clId="{B411AAE3-1AC9-4531-8945-4F518465D9EA}" dt="2025-01-27T13:37:36.403" v="7784" actId="20577"/>
        <pc:sldMkLst>
          <pc:docMk/>
          <pc:sldMk cId="1344931098" sldId="283"/>
        </pc:sldMkLst>
        <pc:spChg chg="add del mod">
          <ac:chgData name="Kanika Agarwal" userId="03cbc23c4c215ab8" providerId="LiveId" clId="{B411AAE3-1AC9-4531-8945-4F518465D9EA}" dt="2025-01-27T08:23:52.389" v="5951" actId="478"/>
          <ac:spMkLst>
            <pc:docMk/>
            <pc:sldMk cId="1344931098" sldId="283"/>
            <ac:spMk id="3" creationId="{0E2ED319-0144-24D3-A0FD-AEEEDA3F0251}"/>
          </ac:spMkLst>
        </pc:spChg>
        <pc:spChg chg="add del mod">
          <ac:chgData name="Kanika Agarwal" userId="03cbc23c4c215ab8" providerId="LiveId" clId="{B411AAE3-1AC9-4531-8945-4F518465D9EA}" dt="2025-01-27T08:23:50.224" v="5950" actId="478"/>
          <ac:spMkLst>
            <pc:docMk/>
            <pc:sldMk cId="1344931098" sldId="283"/>
            <ac:spMk id="5" creationId="{263523D9-EAD5-FEE5-65C8-7B3DA13C69E7}"/>
          </ac:spMkLst>
        </pc:spChg>
        <pc:spChg chg="mod">
          <ac:chgData name="Kanika Agarwal" userId="03cbc23c4c215ab8" providerId="LiveId" clId="{B411AAE3-1AC9-4531-8945-4F518465D9EA}" dt="2025-01-26T11:54:27.901" v="616" actId="20577"/>
          <ac:spMkLst>
            <pc:docMk/>
            <pc:sldMk cId="1344931098" sldId="283"/>
            <ac:spMk id="6" creationId="{63EADE55-9ED6-7DF7-6180-92112C69D898}"/>
          </ac:spMkLst>
        </pc:spChg>
        <pc:spChg chg="mod">
          <ac:chgData name="Kanika Agarwal" userId="03cbc23c4c215ab8" providerId="LiveId" clId="{B411AAE3-1AC9-4531-8945-4F518465D9EA}" dt="2025-01-27T13:37:36.403" v="7784" actId="20577"/>
          <ac:spMkLst>
            <pc:docMk/>
            <pc:sldMk cId="1344931098" sldId="283"/>
            <ac:spMk id="7" creationId="{98A5A1B7-23CA-2108-76E5-E59A23DCE5DF}"/>
          </ac:spMkLst>
        </pc:spChg>
        <pc:spChg chg="add del mod">
          <ac:chgData name="Kanika Agarwal" userId="03cbc23c4c215ab8" providerId="LiveId" clId="{B411AAE3-1AC9-4531-8945-4F518465D9EA}" dt="2025-01-27T08:23:56.367" v="5952" actId="478"/>
          <ac:spMkLst>
            <pc:docMk/>
            <pc:sldMk cId="1344931098" sldId="283"/>
            <ac:spMk id="8" creationId="{FACA4801-36A3-71C9-E6A9-85D1D5F21EF9}"/>
          </ac:spMkLst>
        </pc:spChg>
        <pc:spChg chg="del">
          <ac:chgData name="Kanika Agarwal" userId="03cbc23c4c215ab8" providerId="LiveId" clId="{B411AAE3-1AC9-4531-8945-4F518465D9EA}" dt="2025-01-27T08:23:04.203" v="5941" actId="478"/>
          <ac:spMkLst>
            <pc:docMk/>
            <pc:sldMk cId="1344931098" sldId="283"/>
            <ac:spMk id="9" creationId="{607DE096-BD5D-747C-B215-04733D63B47A}"/>
          </ac:spMkLst>
        </pc:spChg>
        <pc:spChg chg="del mod">
          <ac:chgData name="Kanika Agarwal" userId="03cbc23c4c215ab8" providerId="LiveId" clId="{B411AAE3-1AC9-4531-8945-4F518465D9EA}" dt="2025-01-27T08:23:04.203" v="5941" actId="478"/>
          <ac:spMkLst>
            <pc:docMk/>
            <pc:sldMk cId="1344931098" sldId="283"/>
            <ac:spMk id="10" creationId="{3B0E96CB-7009-B158-6EC4-51EDC14077B5}"/>
          </ac:spMkLst>
        </pc:spChg>
        <pc:spChg chg="add del mod">
          <ac:chgData name="Kanika Agarwal" userId="03cbc23c4c215ab8" providerId="LiveId" clId="{B411AAE3-1AC9-4531-8945-4F518465D9EA}" dt="2025-01-27T08:23:10.386" v="5943" actId="478"/>
          <ac:spMkLst>
            <pc:docMk/>
            <pc:sldMk cId="1344931098" sldId="283"/>
            <ac:spMk id="16" creationId="{815CA971-FF8F-F085-C173-45D3A1472AFB}"/>
          </ac:spMkLst>
        </pc:spChg>
        <pc:spChg chg="add del mod">
          <ac:chgData name="Kanika Agarwal" userId="03cbc23c4c215ab8" providerId="LiveId" clId="{B411AAE3-1AC9-4531-8945-4F518465D9EA}" dt="2025-01-27T08:24:15.648" v="5956" actId="478"/>
          <ac:spMkLst>
            <pc:docMk/>
            <pc:sldMk cId="1344931098" sldId="283"/>
            <ac:spMk id="18" creationId="{584DB2AD-ABB2-6E9F-9F42-86E43C1B1B57}"/>
          </ac:spMkLst>
        </pc:spChg>
        <pc:spChg chg="add del mod">
          <ac:chgData name="Kanika Agarwal" userId="03cbc23c4c215ab8" providerId="LiveId" clId="{B411AAE3-1AC9-4531-8945-4F518465D9EA}" dt="2025-01-27T13:35:11.183" v="7733"/>
          <ac:spMkLst>
            <pc:docMk/>
            <pc:sldMk cId="1344931098" sldId="283"/>
            <ac:spMk id="25" creationId="{F67CA10D-1225-6FA3-3B06-464886F6800D}"/>
          </ac:spMkLst>
        </pc:spChg>
        <pc:graphicFrameChg chg="add mod modGraphic">
          <ac:chgData name="Kanika Agarwal" userId="03cbc23c4c215ab8" providerId="LiveId" clId="{B411AAE3-1AC9-4531-8945-4F518465D9EA}" dt="2025-01-27T08:34:17.100" v="6205"/>
          <ac:graphicFrameMkLst>
            <pc:docMk/>
            <pc:sldMk cId="1344931098" sldId="283"/>
            <ac:graphicFrameMk id="20" creationId="{50FB3C20-68CA-1CBA-641F-98DC1E4170FF}"/>
          </ac:graphicFrameMkLst>
        </pc:graphicFrameChg>
        <pc:graphicFrameChg chg="add mod modGraphic">
          <ac:chgData name="Kanika Agarwal" userId="03cbc23c4c215ab8" providerId="LiveId" clId="{B411AAE3-1AC9-4531-8945-4F518465D9EA}" dt="2025-01-27T08:33:10.463" v="6173" actId="1076"/>
          <ac:graphicFrameMkLst>
            <pc:docMk/>
            <pc:sldMk cId="1344931098" sldId="283"/>
            <ac:graphicFrameMk id="22" creationId="{DEAA72BF-4EC0-EB33-EB23-56D83E1CAF75}"/>
          </ac:graphicFrameMkLst>
        </pc:graphicFrameChg>
        <pc:graphicFrameChg chg="add mod modGraphic">
          <ac:chgData name="Kanika Agarwal" userId="03cbc23c4c215ab8" providerId="LiveId" clId="{B411AAE3-1AC9-4531-8945-4F518465D9EA}" dt="2025-01-27T08:33:49.485" v="6183"/>
          <ac:graphicFrameMkLst>
            <pc:docMk/>
            <pc:sldMk cId="1344931098" sldId="283"/>
            <ac:graphicFrameMk id="24" creationId="{8CAD0A39-D5B5-59AB-C58F-D4323EE8918D}"/>
          </ac:graphicFrameMkLst>
        </pc:graphicFrameChg>
        <pc:picChg chg="mod">
          <ac:chgData name="Kanika Agarwal" userId="03cbc23c4c215ab8" providerId="LiveId" clId="{B411AAE3-1AC9-4531-8945-4F518465D9EA}" dt="2025-01-27T13:36:04.442" v="7760" actId="1076"/>
          <ac:picMkLst>
            <pc:docMk/>
            <pc:sldMk cId="1344931098" sldId="283"/>
            <ac:picMk id="12" creationId="{3B2843EC-06B7-5219-683D-E20D863DC132}"/>
          </ac:picMkLst>
        </pc:picChg>
        <pc:picChg chg="add del">
          <ac:chgData name="Kanika Agarwal" userId="03cbc23c4c215ab8" providerId="LiveId" clId="{B411AAE3-1AC9-4531-8945-4F518465D9EA}" dt="2025-01-27T08:24:36.341" v="5963" actId="478"/>
          <ac:picMkLst>
            <pc:docMk/>
            <pc:sldMk cId="1344931098" sldId="283"/>
            <ac:picMk id="13" creationId="{6D6FACB9-09F2-44E9-064D-D7730A0CD24D}"/>
          </ac:picMkLst>
        </pc:picChg>
        <pc:picChg chg="del">
          <ac:chgData name="Kanika Agarwal" userId="03cbc23c4c215ab8" providerId="LiveId" clId="{B411AAE3-1AC9-4531-8945-4F518465D9EA}" dt="2025-01-27T08:23:04.203" v="5941" actId="478"/>
          <ac:picMkLst>
            <pc:docMk/>
            <pc:sldMk cId="1344931098" sldId="283"/>
            <ac:picMk id="14" creationId="{3FA4392B-7BA1-B396-DB62-E1920A184710}"/>
          </ac:picMkLst>
        </pc:picChg>
        <pc:picChg chg="del">
          <ac:chgData name="Kanika Agarwal" userId="03cbc23c4c215ab8" providerId="LiveId" clId="{B411AAE3-1AC9-4531-8945-4F518465D9EA}" dt="2025-01-27T08:23:04.203" v="5941" actId="478"/>
          <ac:picMkLst>
            <pc:docMk/>
            <pc:sldMk cId="1344931098" sldId="283"/>
            <ac:picMk id="15" creationId="{43AD0137-2B09-7268-9B1E-7382590DDFEE}"/>
          </ac:picMkLst>
        </pc:picChg>
        <pc:picChg chg="add del mod">
          <ac:chgData name="Kanika Agarwal" userId="03cbc23c4c215ab8" providerId="LiveId" clId="{B411AAE3-1AC9-4531-8945-4F518465D9EA}" dt="2025-01-27T08:23:24.729" v="5946" actId="478"/>
          <ac:picMkLst>
            <pc:docMk/>
            <pc:sldMk cId="1344931098" sldId="283"/>
            <ac:picMk id="5122" creationId="{2E1E205C-66D4-C0F1-0366-F5D3A7FDCAFB}"/>
          </ac:picMkLst>
        </pc:picChg>
        <pc:picChg chg="add del mod">
          <ac:chgData name="Kanika Agarwal" userId="03cbc23c4c215ab8" providerId="LiveId" clId="{B411AAE3-1AC9-4531-8945-4F518465D9EA}" dt="2025-01-27T08:23:22.468" v="5945" actId="478"/>
          <ac:picMkLst>
            <pc:docMk/>
            <pc:sldMk cId="1344931098" sldId="283"/>
            <ac:picMk id="5124" creationId="{27479A46-FFD0-5C5A-4E66-32C13FB88C1A}"/>
          </ac:picMkLst>
        </pc:picChg>
        <pc:picChg chg="add del mod">
          <ac:chgData name="Kanika Agarwal" userId="03cbc23c4c215ab8" providerId="LiveId" clId="{B411AAE3-1AC9-4531-8945-4F518465D9EA}" dt="2025-01-27T08:32:32.828" v="6162" actId="478"/>
          <ac:picMkLst>
            <pc:docMk/>
            <pc:sldMk cId="1344931098" sldId="283"/>
            <ac:picMk id="5126" creationId="{91949923-1BB8-48D7-EB3C-AD2806C06002}"/>
          </ac:picMkLst>
        </pc:picChg>
        <pc:picChg chg="add del mod">
          <ac:chgData name="Kanika Agarwal" userId="03cbc23c4c215ab8" providerId="LiveId" clId="{B411AAE3-1AC9-4531-8945-4F518465D9EA}" dt="2025-01-27T08:32:35.435" v="6163" actId="478"/>
          <ac:picMkLst>
            <pc:docMk/>
            <pc:sldMk cId="1344931098" sldId="283"/>
            <ac:picMk id="5128" creationId="{72572ACF-2B71-C5F9-84C3-AB15A0329E93}"/>
          </ac:picMkLst>
        </pc:picChg>
        <pc:picChg chg="add del mod">
          <ac:chgData name="Kanika Agarwal" userId="03cbc23c4c215ab8" providerId="LiveId" clId="{B411AAE3-1AC9-4531-8945-4F518465D9EA}" dt="2025-01-27T08:32:30.829" v="6161" actId="478"/>
          <ac:picMkLst>
            <pc:docMk/>
            <pc:sldMk cId="1344931098" sldId="283"/>
            <ac:picMk id="5130" creationId="{55BE3CAA-7175-DCDA-7190-4E9D01D34CD9}"/>
          </ac:picMkLst>
        </pc:picChg>
        <pc:picChg chg="add del mod">
          <ac:chgData name="Kanika Agarwal" userId="03cbc23c4c215ab8" providerId="LiveId" clId="{B411AAE3-1AC9-4531-8945-4F518465D9EA}" dt="2025-01-27T08:21:12.944" v="5925" actId="478"/>
          <ac:picMkLst>
            <pc:docMk/>
            <pc:sldMk cId="1344931098" sldId="283"/>
            <ac:picMk id="6146" creationId="{653F8DA7-DCAF-868C-355C-D5C5C2BA778F}"/>
          </ac:picMkLst>
        </pc:picChg>
        <pc:picChg chg="add del mod">
          <ac:chgData name="Kanika Agarwal" userId="03cbc23c4c215ab8" providerId="LiveId" clId="{B411AAE3-1AC9-4531-8945-4F518465D9EA}" dt="2025-01-27T08:23:26.982" v="5947" actId="478"/>
          <ac:picMkLst>
            <pc:docMk/>
            <pc:sldMk cId="1344931098" sldId="283"/>
            <ac:picMk id="6148" creationId="{8C0ABD74-8AED-BEE7-83B5-7478586A99C0}"/>
          </ac:picMkLst>
        </pc:picChg>
      </pc:sldChg>
      <pc:sldChg chg="add del">
        <pc:chgData name="Kanika Agarwal" userId="03cbc23c4c215ab8" providerId="LiveId" clId="{B411AAE3-1AC9-4531-8945-4F518465D9EA}" dt="2025-01-26T11:54:55.523" v="650"/>
        <pc:sldMkLst>
          <pc:docMk/>
          <pc:sldMk cId="406038382" sldId="284"/>
        </pc:sldMkLst>
      </pc:sldChg>
      <pc:sldChg chg="modSp add mod ord">
        <pc:chgData name="Kanika Agarwal" userId="03cbc23c4c215ab8" providerId="LiveId" clId="{B411AAE3-1AC9-4531-8945-4F518465D9EA}" dt="2025-01-26T12:01:11.633" v="736" actId="20577"/>
        <pc:sldMkLst>
          <pc:docMk/>
          <pc:sldMk cId="3362639742" sldId="284"/>
        </pc:sldMkLst>
        <pc:spChg chg="mod">
          <ac:chgData name="Kanika Agarwal" userId="03cbc23c4c215ab8" providerId="LiveId" clId="{B411AAE3-1AC9-4531-8945-4F518465D9EA}" dt="2025-01-26T12:01:11.633" v="736" actId="20577"/>
          <ac:spMkLst>
            <pc:docMk/>
            <pc:sldMk cId="3362639742" sldId="284"/>
            <ac:spMk id="7" creationId="{655F0481-0CBE-5706-26B8-ADF5093DADA7}"/>
          </ac:spMkLst>
        </pc:spChg>
      </pc:sldChg>
      <pc:sldChg chg="addSp delSp modSp add mod">
        <pc:chgData name="Kanika Agarwal" userId="03cbc23c4c215ab8" providerId="LiveId" clId="{B411AAE3-1AC9-4531-8945-4F518465D9EA}" dt="2025-01-27T15:01:39.701" v="8054" actId="20577"/>
        <pc:sldMkLst>
          <pc:docMk/>
          <pc:sldMk cId="2538822028" sldId="285"/>
        </pc:sldMkLst>
        <pc:spChg chg="add del mod">
          <ac:chgData name="Kanika Agarwal" userId="03cbc23c4c215ab8" providerId="LiveId" clId="{B411AAE3-1AC9-4531-8945-4F518465D9EA}" dt="2025-01-27T10:15:45.803" v="6479" actId="478"/>
          <ac:spMkLst>
            <pc:docMk/>
            <pc:sldMk cId="2538822028" sldId="285"/>
            <ac:spMk id="2" creationId="{11568B58-B073-B359-B89C-80603115EECB}"/>
          </ac:spMkLst>
        </pc:spChg>
        <pc:spChg chg="mod">
          <ac:chgData name="Kanika Agarwal" userId="03cbc23c4c215ab8" providerId="LiveId" clId="{B411AAE3-1AC9-4531-8945-4F518465D9EA}" dt="2025-01-27T15:01:39.701" v="8054" actId="20577"/>
          <ac:spMkLst>
            <pc:docMk/>
            <pc:sldMk cId="2538822028" sldId="285"/>
            <ac:spMk id="3" creationId="{39EDA460-E56B-B3EF-CD84-BED169320FDB}"/>
          </ac:spMkLst>
        </pc:spChg>
        <pc:spChg chg="mod">
          <ac:chgData name="Kanika Agarwal" userId="03cbc23c4c215ab8" providerId="LiveId" clId="{B411AAE3-1AC9-4531-8945-4F518465D9EA}" dt="2025-01-27T10:20:15.223" v="6494" actId="1076"/>
          <ac:spMkLst>
            <pc:docMk/>
            <pc:sldMk cId="2538822028" sldId="285"/>
            <ac:spMk id="11" creationId="{CB10A625-9288-9216-05C8-CA485CCB567C}"/>
          </ac:spMkLst>
        </pc:spChg>
        <pc:spChg chg="mod">
          <ac:chgData name="Kanika Agarwal" userId="03cbc23c4c215ab8" providerId="LiveId" clId="{B411AAE3-1AC9-4531-8945-4F518465D9EA}" dt="2025-01-27T10:20:23.941" v="6495" actId="1038"/>
          <ac:spMkLst>
            <pc:docMk/>
            <pc:sldMk cId="2538822028" sldId="285"/>
            <ac:spMk id="13" creationId="{2F7F0BDF-2412-3E81-863E-4DF1C1859110}"/>
          </ac:spMkLst>
        </pc:spChg>
        <pc:spChg chg="mod">
          <ac:chgData name="Kanika Agarwal" userId="03cbc23c4c215ab8" providerId="LiveId" clId="{B411AAE3-1AC9-4531-8945-4F518465D9EA}" dt="2025-01-27T10:15:30.086" v="6478" actId="108"/>
          <ac:spMkLst>
            <pc:docMk/>
            <pc:sldMk cId="2538822028" sldId="285"/>
            <ac:spMk id="14" creationId="{D3E6E0F4-05F8-0462-6EA0-70BF42B58C93}"/>
          </ac:spMkLst>
        </pc:spChg>
        <pc:spChg chg="mod">
          <ac:chgData name="Kanika Agarwal" userId="03cbc23c4c215ab8" providerId="LiveId" clId="{B411AAE3-1AC9-4531-8945-4F518465D9EA}" dt="2025-01-27T14:52:06.633" v="7998" actId="20577"/>
          <ac:spMkLst>
            <pc:docMk/>
            <pc:sldMk cId="2538822028" sldId="285"/>
            <ac:spMk id="19" creationId="{2EB30824-3B65-B92A-A124-8E0AC2A825E4}"/>
          </ac:spMkLst>
        </pc:spChg>
        <pc:spChg chg="mod">
          <ac:chgData name="Kanika Agarwal" userId="03cbc23c4c215ab8" providerId="LiveId" clId="{B411AAE3-1AC9-4531-8945-4F518465D9EA}" dt="2025-01-27T10:17:22.573" v="6482" actId="20577"/>
          <ac:spMkLst>
            <pc:docMk/>
            <pc:sldMk cId="2538822028" sldId="285"/>
            <ac:spMk id="20" creationId="{5EEB26E2-7A8D-A328-F64A-DFBE71A20223}"/>
          </ac:spMkLst>
        </pc:spChg>
        <pc:spChg chg="add">
          <ac:chgData name="Kanika Agarwal" userId="03cbc23c4c215ab8" providerId="LiveId" clId="{B411AAE3-1AC9-4531-8945-4F518465D9EA}" dt="2025-01-27T14:57:10.610" v="8000"/>
          <ac:spMkLst>
            <pc:docMk/>
            <pc:sldMk cId="2538822028" sldId="285"/>
            <ac:spMk id="29" creationId="{413F2930-59E6-8884-B50D-3E7E0E85B983}"/>
          </ac:spMkLst>
        </pc:spChg>
        <pc:spChg chg="add del mod">
          <ac:chgData name="Kanika Agarwal" userId="03cbc23c4c215ab8" providerId="LiveId" clId="{B411AAE3-1AC9-4531-8945-4F518465D9EA}" dt="2025-01-27T14:59:38.223" v="8025" actId="21"/>
          <ac:spMkLst>
            <pc:docMk/>
            <pc:sldMk cId="2538822028" sldId="285"/>
            <ac:spMk id="30" creationId="{8F06E84A-908E-6A38-9477-2E311C49AA8B}"/>
          </ac:spMkLst>
        </pc:spChg>
        <pc:spChg chg="del">
          <ac:chgData name="Kanika Agarwal" userId="03cbc23c4c215ab8" providerId="LiveId" clId="{B411AAE3-1AC9-4531-8945-4F518465D9EA}" dt="2025-01-27T05:25:56.079" v="3875" actId="478"/>
          <ac:spMkLst>
            <pc:docMk/>
            <pc:sldMk cId="2538822028" sldId="285"/>
            <ac:spMk id="31" creationId="{4CB1CB3B-B3D3-F60E-2E66-DABB4ABDABF5}"/>
          </ac:spMkLst>
        </pc:spChg>
        <pc:spChg chg="del">
          <ac:chgData name="Kanika Agarwal" userId="03cbc23c4c215ab8" providerId="LiveId" clId="{B411AAE3-1AC9-4531-8945-4F518465D9EA}" dt="2025-01-27T05:32:35.655" v="3903" actId="478"/>
          <ac:spMkLst>
            <pc:docMk/>
            <pc:sldMk cId="2538822028" sldId="285"/>
            <ac:spMk id="33" creationId="{2C77030B-6651-E6D6-F40A-2DB5575F7708}"/>
          </ac:spMkLst>
        </pc:spChg>
        <pc:spChg chg="del">
          <ac:chgData name="Kanika Agarwal" userId="03cbc23c4c215ab8" providerId="LiveId" clId="{B411AAE3-1AC9-4531-8945-4F518465D9EA}" dt="2025-01-27T10:13:39.251" v="6436" actId="478"/>
          <ac:spMkLst>
            <pc:docMk/>
            <pc:sldMk cId="2538822028" sldId="285"/>
            <ac:spMk id="34" creationId="{9F58DC34-08BB-DAD7-01A2-55A910425500}"/>
          </ac:spMkLst>
        </pc:spChg>
        <pc:graphicFrameChg chg="add mod modGraphic">
          <ac:chgData name="Kanika Agarwal" userId="03cbc23c4c215ab8" providerId="LiveId" clId="{B411AAE3-1AC9-4531-8945-4F518465D9EA}" dt="2025-01-27T10:14:07.528" v="6453" actId="1037"/>
          <ac:graphicFrameMkLst>
            <pc:docMk/>
            <pc:sldMk cId="2538822028" sldId="285"/>
            <ac:graphicFrameMk id="16" creationId="{ED0A6851-6925-C230-75D8-E45B084ED0E1}"/>
          </ac:graphicFrameMkLst>
        </pc:graphicFrameChg>
        <pc:graphicFrameChg chg="add mod modGraphic">
          <ac:chgData name="Kanika Agarwal" userId="03cbc23c4c215ab8" providerId="LiveId" clId="{B411AAE3-1AC9-4531-8945-4F518465D9EA}" dt="2025-01-27T10:20:27.643" v="6496" actId="1037"/>
          <ac:graphicFrameMkLst>
            <pc:docMk/>
            <pc:sldMk cId="2538822028" sldId="285"/>
            <ac:graphicFrameMk id="18" creationId="{97E1590D-3842-2DE4-EF8D-D8CD0B371047}"/>
          </ac:graphicFrameMkLst>
        </pc:graphicFrameChg>
        <pc:graphicFrameChg chg="add mod modGraphic">
          <ac:chgData name="Kanika Agarwal" userId="03cbc23c4c215ab8" providerId="LiveId" clId="{B411AAE3-1AC9-4531-8945-4F518465D9EA}" dt="2025-01-27T10:20:23.941" v="6495" actId="1038"/>
          <ac:graphicFrameMkLst>
            <pc:docMk/>
            <pc:sldMk cId="2538822028" sldId="285"/>
            <ac:graphicFrameMk id="22" creationId="{B60B64B9-FFA2-8E6F-9D4F-A4E4992AC34B}"/>
          </ac:graphicFrameMkLst>
        </pc:graphicFrameChg>
        <pc:graphicFrameChg chg="add del modGraphic">
          <ac:chgData name="Kanika Agarwal" userId="03cbc23c4c215ab8" providerId="LiveId" clId="{B411AAE3-1AC9-4531-8945-4F518465D9EA}" dt="2025-01-27T09:47:38.497" v="6306" actId="478"/>
          <ac:graphicFrameMkLst>
            <pc:docMk/>
            <pc:sldMk cId="2538822028" sldId="285"/>
            <ac:graphicFrameMk id="24" creationId="{1FB43D0E-D0C1-03D8-B471-7889AA22AB90}"/>
          </ac:graphicFrameMkLst>
        </pc:graphicFrameChg>
        <pc:graphicFrameChg chg="add mod modGraphic">
          <ac:chgData name="Kanika Agarwal" userId="03cbc23c4c215ab8" providerId="LiveId" clId="{B411AAE3-1AC9-4531-8945-4F518465D9EA}" dt="2025-01-27T10:19:48.256" v="6492"/>
          <ac:graphicFrameMkLst>
            <pc:docMk/>
            <pc:sldMk cId="2538822028" sldId="285"/>
            <ac:graphicFrameMk id="27" creationId="{216198A7-9AFD-4B1D-3D12-CA66742A1E80}"/>
          </ac:graphicFrameMkLst>
        </pc:graphicFrameChg>
        <pc:picChg chg="add del">
          <ac:chgData name="Kanika Agarwal" userId="03cbc23c4c215ab8" providerId="LiveId" clId="{B411AAE3-1AC9-4531-8945-4F518465D9EA}" dt="2025-01-26T12:02:35.401" v="763" actId="478"/>
          <ac:picMkLst>
            <pc:docMk/>
            <pc:sldMk cId="2538822028" sldId="285"/>
            <ac:picMk id="2" creationId="{75D3135F-C642-4A1E-ABF9-89C0E82C62CE}"/>
          </ac:picMkLst>
        </pc:picChg>
        <pc:picChg chg="add del mod">
          <ac:chgData name="Kanika Agarwal" userId="03cbc23c4c215ab8" providerId="LiveId" clId="{B411AAE3-1AC9-4531-8945-4F518465D9EA}" dt="2025-01-27T09:48:55.226" v="6335" actId="21"/>
          <ac:picMkLst>
            <pc:docMk/>
            <pc:sldMk cId="2538822028" sldId="285"/>
            <ac:picMk id="4" creationId="{E58FED9A-BB2B-2C3A-A509-689933367090}"/>
          </ac:picMkLst>
        </pc:picChg>
        <pc:picChg chg="add del mod">
          <ac:chgData name="Kanika Agarwal" userId="03cbc23c4c215ab8" providerId="LiveId" clId="{B411AAE3-1AC9-4531-8945-4F518465D9EA}" dt="2025-01-27T09:32:40.757" v="6218" actId="478"/>
          <ac:picMkLst>
            <pc:docMk/>
            <pc:sldMk cId="2538822028" sldId="285"/>
            <ac:picMk id="6" creationId="{6A42D4A5-2767-4816-5638-A369A58FA30F}"/>
          </ac:picMkLst>
        </pc:picChg>
        <pc:picChg chg="del">
          <ac:chgData name="Kanika Agarwal" userId="03cbc23c4c215ab8" providerId="LiveId" clId="{B411AAE3-1AC9-4531-8945-4F518465D9EA}" dt="2025-01-27T09:43:00.260" v="6235" actId="478"/>
          <ac:picMkLst>
            <pc:docMk/>
            <pc:sldMk cId="2538822028" sldId="285"/>
            <ac:picMk id="7" creationId="{722091D3-C538-55DE-3435-DA424458F55E}"/>
          </ac:picMkLst>
        </pc:picChg>
        <pc:picChg chg="del">
          <ac:chgData name="Kanika Agarwal" userId="03cbc23c4c215ab8" providerId="LiveId" clId="{B411AAE3-1AC9-4531-8945-4F518465D9EA}" dt="2025-01-26T13:25:27.336" v="1821" actId="478"/>
          <ac:picMkLst>
            <pc:docMk/>
            <pc:sldMk cId="2538822028" sldId="285"/>
            <ac:picMk id="8" creationId="{4F8DBAC6-FF62-15F7-BF7B-5EE3F31F16AB}"/>
          </ac:picMkLst>
        </pc:picChg>
        <pc:picChg chg="add del mod">
          <ac:chgData name="Kanika Agarwal" userId="03cbc23c4c215ab8" providerId="LiveId" clId="{B411AAE3-1AC9-4531-8945-4F518465D9EA}" dt="2025-01-27T09:42:34.261" v="6228" actId="478"/>
          <ac:picMkLst>
            <pc:docMk/>
            <pc:sldMk cId="2538822028" sldId="285"/>
            <ac:picMk id="9" creationId="{A61D1184-BB4C-40A6-3870-82BDC12206C2}"/>
          </ac:picMkLst>
        </pc:picChg>
        <pc:picChg chg="add del mod">
          <ac:chgData name="Kanika Agarwal" userId="03cbc23c4c215ab8" providerId="LiveId" clId="{B411AAE3-1AC9-4531-8945-4F518465D9EA}" dt="2025-01-27T09:44:33.925" v="6274" actId="21"/>
          <ac:picMkLst>
            <pc:docMk/>
            <pc:sldMk cId="2538822028" sldId="285"/>
            <ac:picMk id="12" creationId="{6A9593E4-BFF7-417C-A9A8-6E9AFD3EC9C6}"/>
          </ac:picMkLst>
        </pc:picChg>
        <pc:picChg chg="del mod">
          <ac:chgData name="Kanika Agarwal" userId="03cbc23c4c215ab8" providerId="LiveId" clId="{B411AAE3-1AC9-4531-8945-4F518465D9EA}" dt="2025-01-27T09:32:59.389" v="6224" actId="478"/>
          <ac:picMkLst>
            <pc:docMk/>
            <pc:sldMk cId="2538822028" sldId="285"/>
            <ac:picMk id="3074" creationId="{76DCAD3B-6CB0-80F0-D791-49E488E72904}"/>
          </ac:picMkLst>
        </pc:picChg>
        <pc:picChg chg="add del mod">
          <ac:chgData name="Kanika Agarwal" userId="03cbc23c4c215ab8" providerId="LiveId" clId="{B411AAE3-1AC9-4531-8945-4F518465D9EA}" dt="2025-01-27T09:47:18.557" v="6304" actId="478"/>
          <ac:picMkLst>
            <pc:docMk/>
            <pc:sldMk cId="2538822028" sldId="285"/>
            <ac:picMk id="7170" creationId="{E042B281-AE36-7B3E-E6C1-55967238DAB6}"/>
          </ac:picMkLst>
        </pc:picChg>
        <pc:picChg chg="add del mod">
          <ac:chgData name="Kanika Agarwal" userId="03cbc23c4c215ab8" providerId="LiveId" clId="{B411AAE3-1AC9-4531-8945-4F518465D9EA}" dt="2025-01-26T12:03:38.521" v="772" actId="21"/>
          <ac:picMkLst>
            <pc:docMk/>
            <pc:sldMk cId="2538822028" sldId="285"/>
            <ac:picMk id="7172" creationId="{B1B9A4F5-DF6E-483B-160F-19DF158698D5}"/>
          </ac:picMkLst>
        </pc:picChg>
        <pc:picChg chg="add del mod">
          <ac:chgData name="Kanika Agarwal" userId="03cbc23c4c215ab8" providerId="LiveId" clId="{B411AAE3-1AC9-4531-8945-4F518465D9EA}" dt="2025-01-27T09:43:38.006" v="6239" actId="21"/>
          <ac:picMkLst>
            <pc:docMk/>
            <pc:sldMk cId="2538822028" sldId="285"/>
            <ac:picMk id="10242" creationId="{265F04C5-021F-BC8F-84D6-6023D4F67B1C}"/>
          </ac:picMkLst>
        </pc:picChg>
      </pc:sldChg>
      <pc:sldChg chg="addSp delSp modSp add mod">
        <pc:chgData name="Kanika Agarwal" userId="03cbc23c4c215ab8" providerId="LiveId" clId="{B411AAE3-1AC9-4531-8945-4F518465D9EA}" dt="2025-01-27T06:33:24.513" v="4470" actId="14100"/>
        <pc:sldMkLst>
          <pc:docMk/>
          <pc:sldMk cId="2072764027" sldId="286"/>
        </pc:sldMkLst>
        <pc:spChg chg="add">
          <ac:chgData name="Kanika Agarwal" userId="03cbc23c4c215ab8" providerId="LiveId" clId="{B411AAE3-1AC9-4531-8945-4F518465D9EA}" dt="2025-01-27T06:16:17.226" v="4377"/>
          <ac:spMkLst>
            <pc:docMk/>
            <pc:sldMk cId="2072764027" sldId="286"/>
            <ac:spMk id="2" creationId="{3C0B765B-3453-4669-A92B-482E806AE2C2}"/>
          </ac:spMkLst>
        </pc:spChg>
        <pc:spChg chg="add">
          <ac:chgData name="Kanika Agarwal" userId="03cbc23c4c215ab8" providerId="LiveId" clId="{B411AAE3-1AC9-4531-8945-4F518465D9EA}" dt="2025-01-27T06:16:25.873" v="4381"/>
          <ac:spMkLst>
            <pc:docMk/>
            <pc:sldMk cId="2072764027" sldId="286"/>
            <ac:spMk id="3" creationId="{54AFE44C-418F-47EF-34E2-E4DEB50DE965}"/>
          </ac:spMkLst>
        </pc:spChg>
        <pc:spChg chg="add mod">
          <ac:chgData name="Kanika Agarwal" userId="03cbc23c4c215ab8" providerId="LiveId" clId="{B411AAE3-1AC9-4531-8945-4F518465D9EA}" dt="2025-01-27T06:33:24.513" v="4470" actId="14100"/>
          <ac:spMkLst>
            <pc:docMk/>
            <pc:sldMk cId="2072764027" sldId="286"/>
            <ac:spMk id="4" creationId="{544B3590-1E99-7EC0-1BD7-63EE9511C7BA}"/>
          </ac:spMkLst>
        </pc:spChg>
        <pc:spChg chg="add del mod">
          <ac:chgData name="Kanika Agarwal" userId="03cbc23c4c215ab8" providerId="LiveId" clId="{B411AAE3-1AC9-4531-8945-4F518465D9EA}" dt="2025-01-26T12:04:10.372" v="783" actId="34307"/>
          <ac:spMkLst>
            <pc:docMk/>
            <pc:sldMk cId="2072764027" sldId="286"/>
            <ac:spMk id="4" creationId="{96921BD5-CB71-8AE2-2B7E-1ABC1F99BDF4}"/>
          </ac:spMkLst>
        </pc:spChg>
        <pc:spChg chg="add del mod">
          <ac:chgData name="Kanika Agarwal" userId="03cbc23c4c215ab8" providerId="LiveId" clId="{B411AAE3-1AC9-4531-8945-4F518465D9EA}" dt="2025-01-27T06:17:02.090" v="4393"/>
          <ac:spMkLst>
            <pc:docMk/>
            <pc:sldMk cId="2072764027" sldId="286"/>
            <ac:spMk id="5" creationId="{5CED3DE6-300E-4EA9-4857-AE2873CC56A4}"/>
          </ac:spMkLst>
        </pc:spChg>
        <pc:spChg chg="mod">
          <ac:chgData name="Kanika Agarwal" userId="03cbc23c4c215ab8" providerId="LiveId" clId="{B411AAE3-1AC9-4531-8945-4F518465D9EA}" dt="2025-01-26T12:04:59.591" v="809" actId="20577"/>
          <ac:spMkLst>
            <pc:docMk/>
            <pc:sldMk cId="2072764027" sldId="286"/>
            <ac:spMk id="6" creationId="{03F714F4-9D67-5557-96B0-67481384C4F7}"/>
          </ac:spMkLst>
        </pc:spChg>
        <pc:spChg chg="add del mod">
          <ac:chgData name="Kanika Agarwal" userId="03cbc23c4c215ab8" providerId="LiveId" clId="{B411AAE3-1AC9-4531-8945-4F518465D9EA}" dt="2025-01-27T06:16:23.289" v="4380" actId="47"/>
          <ac:spMkLst>
            <pc:docMk/>
            <pc:sldMk cId="2072764027" sldId="286"/>
            <ac:spMk id="8" creationId="{DDC419CD-244F-8D0B-12CA-10B50F57F022}"/>
          </ac:spMkLst>
        </pc:spChg>
        <pc:spChg chg="add del mod">
          <ac:chgData name="Kanika Agarwal" userId="03cbc23c4c215ab8" providerId="LiveId" clId="{B411AAE3-1AC9-4531-8945-4F518465D9EA}" dt="2025-01-26T12:04:26.973" v="785" actId="21"/>
          <ac:spMkLst>
            <pc:docMk/>
            <pc:sldMk cId="2072764027" sldId="286"/>
            <ac:spMk id="12" creationId="{821E295C-8346-8932-6CC0-B82254153A51}"/>
          </ac:spMkLst>
        </pc:spChg>
        <pc:graphicFrameChg chg="add del mod modGraphic">
          <ac:chgData name="Kanika Agarwal" userId="03cbc23c4c215ab8" providerId="LiveId" clId="{B411AAE3-1AC9-4531-8945-4F518465D9EA}" dt="2025-01-27T06:33:08.702" v="4469" actId="1036"/>
          <ac:graphicFrameMkLst>
            <pc:docMk/>
            <pc:sldMk cId="2072764027" sldId="286"/>
            <ac:graphicFrameMk id="7" creationId="{29411AA4-20C6-385A-1793-5C0EB11F79C4}"/>
          </ac:graphicFrameMkLst>
        </pc:graphicFrameChg>
        <pc:graphicFrameChg chg="del mod">
          <ac:chgData name="Kanika Agarwal" userId="03cbc23c4c215ab8" providerId="LiveId" clId="{B411AAE3-1AC9-4531-8945-4F518465D9EA}" dt="2025-01-27T06:18:50.871" v="4413" actId="478"/>
          <ac:graphicFrameMkLst>
            <pc:docMk/>
            <pc:sldMk cId="2072764027" sldId="286"/>
            <ac:graphicFrameMk id="11" creationId="{41B66118-E86E-1CAC-3AF8-F40CA0F7F806}"/>
          </ac:graphicFrameMkLst>
        </pc:graphicFrameChg>
        <pc:picChg chg="del">
          <ac:chgData name="Kanika Agarwal" userId="03cbc23c4c215ab8" providerId="LiveId" clId="{B411AAE3-1AC9-4531-8945-4F518465D9EA}" dt="2025-01-26T12:03:47.314" v="774" actId="478"/>
          <ac:picMkLst>
            <pc:docMk/>
            <pc:sldMk cId="2072764027" sldId="286"/>
            <ac:picMk id="3" creationId="{29607173-152B-DB6E-3CA0-6662EE4D374F}"/>
          </ac:picMkLst>
        </pc:picChg>
        <pc:picChg chg="del">
          <ac:chgData name="Kanika Agarwal" userId="03cbc23c4c215ab8" providerId="LiveId" clId="{B411AAE3-1AC9-4531-8945-4F518465D9EA}" dt="2025-01-26T12:04:02.020" v="780" actId="478"/>
          <ac:picMkLst>
            <pc:docMk/>
            <pc:sldMk cId="2072764027" sldId="286"/>
            <ac:picMk id="5" creationId="{A7E37416-9220-995D-2249-E4A4EC4297F2}"/>
          </ac:picMkLst>
        </pc:picChg>
        <pc:picChg chg="add del mod ord">
          <ac:chgData name="Kanika Agarwal" userId="03cbc23c4c215ab8" providerId="LiveId" clId="{B411AAE3-1AC9-4531-8945-4F518465D9EA}" dt="2025-01-26T12:04:13.726" v="784" actId="478"/>
          <ac:picMkLst>
            <pc:docMk/>
            <pc:sldMk cId="2072764027" sldId="286"/>
            <ac:picMk id="7" creationId="{F78B7E04-1542-CAA1-421F-4F9DB9519B7A}"/>
          </ac:picMkLst>
        </pc:picChg>
        <pc:picChg chg="add mod">
          <ac:chgData name="Kanika Agarwal" userId="03cbc23c4c215ab8" providerId="LiveId" clId="{B411AAE3-1AC9-4531-8945-4F518465D9EA}" dt="2025-01-26T12:04:36.225" v="788" actId="14100"/>
          <ac:picMkLst>
            <pc:docMk/>
            <pc:sldMk cId="2072764027" sldId="286"/>
            <ac:picMk id="7172" creationId="{B1B9A4F5-DF6E-483B-160F-19DF158698D5}"/>
          </ac:picMkLst>
        </pc:picChg>
      </pc:sldChg>
      <pc:sldChg chg="addSp delSp modSp add mod ord">
        <pc:chgData name="Kanika Agarwal" userId="03cbc23c4c215ab8" providerId="LiveId" clId="{B411AAE3-1AC9-4531-8945-4F518465D9EA}" dt="2025-01-27T03:31:52.510" v="3737" actId="1037"/>
        <pc:sldMkLst>
          <pc:docMk/>
          <pc:sldMk cId="3889375700" sldId="287"/>
        </pc:sldMkLst>
        <pc:spChg chg="add mod ord">
          <ac:chgData name="Kanika Agarwal" userId="03cbc23c4c215ab8" providerId="LiveId" clId="{B411AAE3-1AC9-4531-8945-4F518465D9EA}" dt="2025-01-27T02:39:04.072" v="3620" actId="1038"/>
          <ac:spMkLst>
            <pc:docMk/>
            <pc:sldMk cId="3889375700" sldId="287"/>
            <ac:spMk id="2" creationId="{3163BE19-AB3C-9900-FC97-35C9978829A2}"/>
          </ac:spMkLst>
        </pc:spChg>
        <pc:spChg chg="del mod">
          <ac:chgData name="Kanika Agarwal" userId="03cbc23c4c215ab8" providerId="LiveId" clId="{B411AAE3-1AC9-4531-8945-4F518465D9EA}" dt="2025-01-26T13:34:27.365" v="1912" actId="478"/>
          <ac:spMkLst>
            <pc:docMk/>
            <pc:sldMk cId="3889375700" sldId="287"/>
            <ac:spMk id="3" creationId="{38AA5CDC-8AEA-EFF5-D7DD-E434597A641F}"/>
          </ac:spMkLst>
        </pc:spChg>
        <pc:spChg chg="mod">
          <ac:chgData name="Kanika Agarwal" userId="03cbc23c4c215ab8" providerId="LiveId" clId="{B411AAE3-1AC9-4531-8945-4F518465D9EA}" dt="2025-01-27T02:25:08.716" v="3582" actId="20577"/>
          <ac:spMkLst>
            <pc:docMk/>
            <pc:sldMk cId="3889375700" sldId="287"/>
            <ac:spMk id="11" creationId="{60F6A53C-BC88-4812-BC2D-BA5D5742E424}"/>
          </ac:spMkLst>
        </pc:spChg>
        <pc:spChg chg="mod">
          <ac:chgData name="Kanika Agarwal" userId="03cbc23c4c215ab8" providerId="LiveId" clId="{B411AAE3-1AC9-4531-8945-4F518465D9EA}" dt="2025-01-27T02:39:09.019" v="3623" actId="1037"/>
          <ac:spMkLst>
            <pc:docMk/>
            <pc:sldMk cId="3889375700" sldId="287"/>
            <ac:spMk id="13" creationId="{6C408C6A-ADA1-B849-B704-637058D1DEF9}"/>
          </ac:spMkLst>
        </pc:spChg>
        <pc:spChg chg="mod">
          <ac:chgData name="Kanika Agarwal" userId="03cbc23c4c215ab8" providerId="LiveId" clId="{B411AAE3-1AC9-4531-8945-4F518465D9EA}" dt="2025-01-27T02:39:14.553" v="3626" actId="1037"/>
          <ac:spMkLst>
            <pc:docMk/>
            <pc:sldMk cId="3889375700" sldId="287"/>
            <ac:spMk id="14" creationId="{1C19CE8D-349F-D24A-69A1-D936EBD52F62}"/>
          </ac:spMkLst>
        </pc:spChg>
        <pc:spChg chg="mod">
          <ac:chgData name="Kanika Agarwal" userId="03cbc23c4c215ab8" providerId="LiveId" clId="{B411AAE3-1AC9-4531-8945-4F518465D9EA}" dt="2025-01-27T03:31:52.510" v="3737" actId="1037"/>
          <ac:spMkLst>
            <pc:docMk/>
            <pc:sldMk cId="3889375700" sldId="287"/>
            <ac:spMk id="19" creationId="{ECC1CF4D-31A6-700F-55E5-BE4909828441}"/>
          </ac:spMkLst>
        </pc:spChg>
        <pc:spChg chg="mod">
          <ac:chgData name="Kanika Agarwal" userId="03cbc23c4c215ab8" providerId="LiveId" clId="{B411AAE3-1AC9-4531-8945-4F518465D9EA}" dt="2025-01-26T18:52:12.822" v="3044" actId="20577"/>
          <ac:spMkLst>
            <pc:docMk/>
            <pc:sldMk cId="3889375700" sldId="287"/>
            <ac:spMk id="20" creationId="{344BBC89-F019-0A4F-A474-C57140556BEA}"/>
          </ac:spMkLst>
        </pc:spChg>
        <pc:spChg chg="del mod">
          <ac:chgData name="Kanika Agarwal" userId="03cbc23c4c215ab8" providerId="LiveId" clId="{B411AAE3-1AC9-4531-8945-4F518465D9EA}" dt="2025-01-26T18:55:36.592" v="3047" actId="478"/>
          <ac:spMkLst>
            <pc:docMk/>
            <pc:sldMk cId="3889375700" sldId="287"/>
            <ac:spMk id="31" creationId="{6F5E27C5-8D07-7301-C249-946D140F6623}"/>
          </ac:spMkLst>
        </pc:spChg>
        <pc:spChg chg="del">
          <ac:chgData name="Kanika Agarwal" userId="03cbc23c4c215ab8" providerId="LiveId" clId="{B411AAE3-1AC9-4531-8945-4F518465D9EA}" dt="2025-01-26T13:34:24.417" v="1911" actId="478"/>
          <ac:spMkLst>
            <pc:docMk/>
            <pc:sldMk cId="3889375700" sldId="287"/>
            <ac:spMk id="33" creationId="{2721656C-0CBF-CE31-0C48-C6689A511E63}"/>
          </ac:spMkLst>
        </pc:spChg>
        <pc:spChg chg="del mod">
          <ac:chgData name="Kanika Agarwal" userId="03cbc23c4c215ab8" providerId="LiveId" clId="{B411AAE3-1AC9-4531-8945-4F518465D9EA}" dt="2025-01-27T02:01:13.283" v="3079" actId="478"/>
          <ac:spMkLst>
            <pc:docMk/>
            <pc:sldMk cId="3889375700" sldId="287"/>
            <ac:spMk id="34" creationId="{E9CEFDDA-48D2-35D4-8FEE-602581DF542B}"/>
          </ac:spMkLst>
        </pc:spChg>
        <pc:graphicFrameChg chg="add mod modGraphic">
          <ac:chgData name="Kanika Agarwal" userId="03cbc23c4c215ab8" providerId="LiveId" clId="{B411AAE3-1AC9-4531-8945-4F518465D9EA}" dt="2025-01-27T02:19:41.563" v="3499" actId="1037"/>
          <ac:graphicFrameMkLst>
            <pc:docMk/>
            <pc:sldMk cId="3889375700" sldId="287"/>
            <ac:graphicFrameMk id="5" creationId="{50F99A5A-0D8A-463B-AA5D-6A519C0C75C0}"/>
          </ac:graphicFrameMkLst>
        </pc:graphicFrameChg>
        <pc:graphicFrameChg chg="add mod modGraphic">
          <ac:chgData name="Kanika Agarwal" userId="03cbc23c4c215ab8" providerId="LiveId" clId="{B411AAE3-1AC9-4531-8945-4F518465D9EA}" dt="2025-01-27T02:39:04.072" v="3620" actId="1038"/>
          <ac:graphicFrameMkLst>
            <pc:docMk/>
            <pc:sldMk cId="3889375700" sldId="287"/>
            <ac:graphicFrameMk id="7" creationId="{60F02D29-B0CE-63FE-06FC-B3A617A6F0EA}"/>
          </ac:graphicFrameMkLst>
        </pc:graphicFrameChg>
        <pc:graphicFrameChg chg="add mod modGraphic">
          <ac:chgData name="Kanika Agarwal" userId="03cbc23c4c215ab8" providerId="LiveId" clId="{B411AAE3-1AC9-4531-8945-4F518465D9EA}" dt="2025-01-27T02:39:09.019" v="3623" actId="1037"/>
          <ac:graphicFrameMkLst>
            <pc:docMk/>
            <pc:sldMk cId="3889375700" sldId="287"/>
            <ac:graphicFrameMk id="9" creationId="{79190E85-1C5C-3F68-38E9-C3784C66E043}"/>
          </ac:graphicFrameMkLst>
        </pc:graphicFrameChg>
        <pc:graphicFrameChg chg="add mod modGraphic">
          <ac:chgData name="Kanika Agarwal" userId="03cbc23c4c215ab8" providerId="LiveId" clId="{B411AAE3-1AC9-4531-8945-4F518465D9EA}" dt="2025-01-27T02:39:14.553" v="3626" actId="1037"/>
          <ac:graphicFrameMkLst>
            <pc:docMk/>
            <pc:sldMk cId="3889375700" sldId="287"/>
            <ac:graphicFrameMk id="12" creationId="{F7024EC6-6AA6-7F56-C005-ECC4D2B10881}"/>
          </ac:graphicFrameMkLst>
        </pc:graphicFrameChg>
        <pc:picChg chg="add mod">
          <ac:chgData name="Kanika Agarwal" userId="03cbc23c4c215ab8" providerId="LiveId" clId="{B411AAE3-1AC9-4531-8945-4F518465D9EA}" dt="2025-01-26T18:55:39.984" v="3050"/>
          <ac:picMkLst>
            <pc:docMk/>
            <pc:sldMk cId="3889375700" sldId="287"/>
            <ac:picMk id="3" creationId="{1B24C820-C45F-D4B2-CCC5-B5425254C7DA}"/>
          </ac:picMkLst>
        </pc:picChg>
        <pc:picChg chg="del">
          <ac:chgData name="Kanika Agarwal" userId="03cbc23c4c215ab8" providerId="LiveId" clId="{B411AAE3-1AC9-4531-8945-4F518465D9EA}" dt="2025-01-26T13:56:19.082" v="2075" actId="478"/>
          <ac:picMkLst>
            <pc:docMk/>
            <pc:sldMk cId="3889375700" sldId="287"/>
            <ac:picMk id="7" creationId="{F03BB294-A13D-F6CE-77B1-993DC47B5114}"/>
          </ac:picMkLst>
        </pc:picChg>
        <pc:picChg chg="del">
          <ac:chgData name="Kanika Agarwal" userId="03cbc23c4c215ab8" providerId="LiveId" clId="{B411AAE3-1AC9-4531-8945-4F518465D9EA}" dt="2025-01-26T13:40:56.011" v="1951" actId="478"/>
          <ac:picMkLst>
            <pc:docMk/>
            <pc:sldMk cId="3889375700" sldId="287"/>
            <ac:picMk id="8" creationId="{DD51CDFB-7415-FF0F-A382-0F1E11D2F300}"/>
          </ac:picMkLst>
        </pc:picChg>
        <pc:picChg chg="add del mod">
          <ac:chgData name="Kanika Agarwal" userId="03cbc23c4c215ab8" providerId="LiveId" clId="{B411AAE3-1AC9-4531-8945-4F518465D9EA}" dt="2025-01-27T02:18:27.908" v="3434" actId="478"/>
          <ac:picMkLst>
            <pc:docMk/>
            <pc:sldMk cId="3889375700" sldId="287"/>
            <ac:picMk id="1027" creationId="{A8C3B6CC-7787-CE2D-840B-4601090798E8}"/>
          </ac:picMkLst>
        </pc:picChg>
        <pc:picChg chg="del">
          <ac:chgData name="Kanika Agarwal" userId="03cbc23c4c215ab8" providerId="LiveId" clId="{B411AAE3-1AC9-4531-8945-4F518465D9EA}" dt="2025-01-26T13:32:36.583" v="1856" actId="478"/>
          <ac:picMkLst>
            <pc:docMk/>
            <pc:sldMk cId="3889375700" sldId="287"/>
            <ac:picMk id="3074" creationId="{0B61AEF3-48CC-7D71-0051-9CC5287C3588}"/>
          </ac:picMkLst>
        </pc:picChg>
        <pc:picChg chg="del">
          <ac:chgData name="Kanika Agarwal" userId="03cbc23c4c215ab8" providerId="LiveId" clId="{B411AAE3-1AC9-4531-8945-4F518465D9EA}" dt="2025-01-26T13:32:08.233" v="1849" actId="478"/>
          <ac:picMkLst>
            <pc:docMk/>
            <pc:sldMk cId="3889375700" sldId="287"/>
            <ac:picMk id="7170" creationId="{F8811557-3D67-4205-3667-90A8681CEEA4}"/>
          </ac:picMkLst>
        </pc:picChg>
        <pc:picChg chg="add del mod">
          <ac:chgData name="Kanika Agarwal" userId="03cbc23c4c215ab8" providerId="LiveId" clId="{B411AAE3-1AC9-4531-8945-4F518465D9EA}" dt="2025-01-26T13:36:04.747" v="1926" actId="478"/>
          <ac:picMkLst>
            <pc:docMk/>
            <pc:sldMk cId="3889375700" sldId="287"/>
            <ac:picMk id="8194" creationId="{5BDCD89F-4111-6E9B-4C85-C8D130BB6BF7}"/>
          </ac:picMkLst>
        </pc:picChg>
        <pc:picChg chg="add del mod">
          <ac:chgData name="Kanika Agarwal" userId="03cbc23c4c215ab8" providerId="LiveId" clId="{B411AAE3-1AC9-4531-8945-4F518465D9EA}" dt="2025-01-26T13:37:02.491" v="1937" actId="478"/>
          <ac:picMkLst>
            <pc:docMk/>
            <pc:sldMk cId="3889375700" sldId="287"/>
            <ac:picMk id="8196" creationId="{1DFD4522-4EE7-F5A0-7441-E2D59FD5F333}"/>
          </ac:picMkLst>
        </pc:picChg>
        <pc:picChg chg="add del mod">
          <ac:chgData name="Kanika Agarwal" userId="03cbc23c4c215ab8" providerId="LiveId" clId="{B411AAE3-1AC9-4531-8945-4F518465D9EA}" dt="2025-01-26T13:45:45.907" v="2063" actId="478"/>
          <ac:picMkLst>
            <pc:docMk/>
            <pc:sldMk cId="3889375700" sldId="287"/>
            <ac:picMk id="8198" creationId="{4A54D3EC-3FE0-4022-1590-BCD3759673AC}"/>
          </ac:picMkLst>
        </pc:picChg>
        <pc:picChg chg="add del mod">
          <ac:chgData name="Kanika Agarwal" userId="03cbc23c4c215ab8" providerId="LiveId" clId="{B411AAE3-1AC9-4531-8945-4F518465D9EA}" dt="2025-01-26T13:46:45.337" v="2070" actId="478"/>
          <ac:picMkLst>
            <pc:docMk/>
            <pc:sldMk cId="3889375700" sldId="287"/>
            <ac:picMk id="8200" creationId="{C7CFC86F-CED3-3052-CC85-82F3BC591A5F}"/>
          </ac:picMkLst>
        </pc:picChg>
        <pc:picChg chg="add del mod">
          <ac:chgData name="Kanika Agarwal" userId="03cbc23c4c215ab8" providerId="LiveId" clId="{B411AAE3-1AC9-4531-8945-4F518465D9EA}" dt="2025-01-26T13:35:44.311" v="1924" actId="478"/>
          <ac:picMkLst>
            <pc:docMk/>
            <pc:sldMk cId="3889375700" sldId="287"/>
            <ac:picMk id="8202" creationId="{27C95B9C-6CC4-D399-3015-081B91795EA1}"/>
          </ac:picMkLst>
        </pc:picChg>
        <pc:picChg chg="add del mod">
          <ac:chgData name="Kanika Agarwal" userId="03cbc23c4c215ab8" providerId="LiveId" clId="{B411AAE3-1AC9-4531-8945-4F518465D9EA}" dt="2025-01-27T02:18:06.321" v="3427" actId="478"/>
          <ac:picMkLst>
            <pc:docMk/>
            <pc:sldMk cId="3889375700" sldId="287"/>
            <ac:picMk id="8204" creationId="{11CE90D6-7379-FDB1-CA11-29CB77246780}"/>
          </ac:picMkLst>
        </pc:picChg>
        <pc:picChg chg="add del mod">
          <ac:chgData name="Kanika Agarwal" userId="03cbc23c4c215ab8" providerId="LiveId" clId="{B411AAE3-1AC9-4531-8945-4F518465D9EA}" dt="2025-01-27T02:18:15.746" v="3429" actId="478"/>
          <ac:picMkLst>
            <pc:docMk/>
            <pc:sldMk cId="3889375700" sldId="287"/>
            <ac:picMk id="8206" creationId="{9D4E01E8-42AC-E334-EBFE-4B2E79057EFA}"/>
          </ac:picMkLst>
        </pc:picChg>
        <pc:picChg chg="add del mod">
          <ac:chgData name="Kanika Agarwal" userId="03cbc23c4c215ab8" providerId="LiveId" clId="{B411AAE3-1AC9-4531-8945-4F518465D9EA}" dt="2025-01-26T13:45:50.887" v="2065" actId="478"/>
          <ac:picMkLst>
            <pc:docMk/>
            <pc:sldMk cId="3889375700" sldId="287"/>
            <ac:picMk id="8208" creationId="{033BFFF8-1A11-B656-6CB7-67613EFC9EC3}"/>
          </ac:picMkLst>
        </pc:picChg>
        <pc:picChg chg="add del mod">
          <ac:chgData name="Kanika Agarwal" userId="03cbc23c4c215ab8" providerId="LiveId" clId="{B411AAE3-1AC9-4531-8945-4F518465D9EA}" dt="2025-01-26T14:17:26.958" v="2170" actId="21"/>
          <ac:picMkLst>
            <pc:docMk/>
            <pc:sldMk cId="3889375700" sldId="287"/>
            <ac:picMk id="8210" creationId="{CDDDAEF8-3664-1834-E8AD-81573BE7E8D5}"/>
          </ac:picMkLst>
        </pc:picChg>
        <pc:picChg chg="add del mod">
          <ac:chgData name="Kanika Agarwal" userId="03cbc23c4c215ab8" providerId="LiveId" clId="{B411AAE3-1AC9-4531-8945-4F518465D9EA}" dt="2025-01-27T02:18:22.642" v="3432" actId="478"/>
          <ac:picMkLst>
            <pc:docMk/>
            <pc:sldMk cId="3889375700" sldId="287"/>
            <ac:picMk id="8212" creationId="{7BDAD00F-9BF3-9786-4252-D0DDDC0F74E8}"/>
          </ac:picMkLst>
        </pc:picChg>
      </pc:sldChg>
      <pc:sldChg chg="addSp delSp modSp add mod ord">
        <pc:chgData name="Kanika Agarwal" userId="03cbc23c4c215ab8" providerId="LiveId" clId="{B411AAE3-1AC9-4531-8945-4F518465D9EA}" dt="2025-01-27T07:17:19.483" v="4511"/>
        <pc:sldMkLst>
          <pc:docMk/>
          <pc:sldMk cId="1300145267" sldId="288"/>
        </pc:sldMkLst>
        <pc:spChg chg="mod">
          <ac:chgData name="Kanika Agarwal" userId="03cbc23c4c215ab8" providerId="LiveId" clId="{B411AAE3-1AC9-4531-8945-4F518465D9EA}" dt="2025-01-26T12:16:28.709" v="1039" actId="20577"/>
          <ac:spMkLst>
            <pc:docMk/>
            <pc:sldMk cId="1300145267" sldId="288"/>
            <ac:spMk id="6" creationId="{657A8A2E-CD84-50E9-F6D5-D952C52F416A}"/>
          </ac:spMkLst>
        </pc:spChg>
        <pc:spChg chg="del">
          <ac:chgData name="Kanika Agarwal" userId="03cbc23c4c215ab8" providerId="LiveId" clId="{B411AAE3-1AC9-4531-8945-4F518465D9EA}" dt="2025-01-26T12:15:14.648" v="1004" actId="478"/>
          <ac:spMkLst>
            <pc:docMk/>
            <pc:sldMk cId="1300145267" sldId="288"/>
            <ac:spMk id="8" creationId="{BD791538-9285-0B96-300B-F8165FAEAFB5}"/>
          </ac:spMkLst>
        </pc:spChg>
        <pc:graphicFrameChg chg="del">
          <ac:chgData name="Kanika Agarwal" userId="03cbc23c4c215ab8" providerId="LiveId" clId="{B411AAE3-1AC9-4531-8945-4F518465D9EA}" dt="2025-01-26T12:15:18.260" v="1005" actId="478"/>
          <ac:graphicFrameMkLst>
            <pc:docMk/>
            <pc:sldMk cId="1300145267" sldId="288"/>
            <ac:graphicFrameMk id="11" creationId="{CC5C6B8A-A128-80F4-24A6-3C9FFDC1B8A9}"/>
          </ac:graphicFrameMkLst>
        </pc:graphicFrameChg>
        <pc:picChg chg="add mod">
          <ac:chgData name="Kanika Agarwal" userId="03cbc23c4c215ab8" providerId="LiveId" clId="{B411AAE3-1AC9-4531-8945-4F518465D9EA}" dt="2025-01-27T07:15:48.486" v="4483" actId="1076"/>
          <ac:picMkLst>
            <pc:docMk/>
            <pc:sldMk cId="1300145267" sldId="288"/>
            <ac:picMk id="4098" creationId="{4A5506EB-1250-5CB8-F527-34DD528A2C8E}"/>
          </ac:picMkLst>
        </pc:picChg>
        <pc:picChg chg="del">
          <ac:chgData name="Kanika Agarwal" userId="03cbc23c4c215ab8" providerId="LiveId" clId="{B411AAE3-1AC9-4531-8945-4F518465D9EA}" dt="2025-01-26T12:14:49.272" v="998" actId="478"/>
          <ac:picMkLst>
            <pc:docMk/>
            <pc:sldMk cId="1300145267" sldId="288"/>
            <ac:picMk id="7172" creationId="{C5214DD4-ED5B-44AE-CB18-1F3A24E14426}"/>
          </ac:picMkLst>
        </pc:picChg>
        <pc:picChg chg="add mod">
          <ac:chgData name="Kanika Agarwal" userId="03cbc23c4c215ab8" providerId="LiveId" clId="{B411AAE3-1AC9-4531-8945-4F518465D9EA}" dt="2025-01-27T07:16:00.197" v="4485" actId="14100"/>
          <ac:picMkLst>
            <pc:docMk/>
            <pc:sldMk cId="1300145267" sldId="288"/>
            <ac:picMk id="10242" creationId="{5A5AB767-9039-7D75-FD31-4C72491C3D37}"/>
          </ac:picMkLst>
        </pc:picChg>
        <pc:picChg chg="add mod">
          <ac:chgData name="Kanika Agarwal" userId="03cbc23c4c215ab8" providerId="LiveId" clId="{B411AAE3-1AC9-4531-8945-4F518465D9EA}" dt="2025-01-27T07:16:55.945" v="4509" actId="1036"/>
          <ac:picMkLst>
            <pc:docMk/>
            <pc:sldMk cId="1300145267" sldId="288"/>
            <ac:picMk id="10244" creationId="{BF0FF950-B0A2-388A-D0FA-BFDEB8840ECC}"/>
          </ac:picMkLst>
        </pc:picChg>
        <pc:picChg chg="add del mod">
          <ac:chgData name="Kanika Agarwal" userId="03cbc23c4c215ab8" providerId="LiveId" clId="{B411AAE3-1AC9-4531-8945-4F518465D9EA}" dt="2025-01-27T07:14:41.369" v="4472" actId="478"/>
          <ac:picMkLst>
            <pc:docMk/>
            <pc:sldMk cId="1300145267" sldId="288"/>
            <ac:picMk id="10246" creationId="{98DFB099-3B4C-9B36-7B28-2447502F863F}"/>
          </ac:picMkLst>
        </pc:picChg>
      </pc:sldChg>
      <pc:sldChg chg="addSp delSp modSp add mod">
        <pc:chgData name="Kanika Agarwal" userId="03cbc23c4c215ab8" providerId="LiveId" clId="{B411AAE3-1AC9-4531-8945-4F518465D9EA}" dt="2025-01-27T13:26:40.815" v="7696" actId="1582"/>
        <pc:sldMkLst>
          <pc:docMk/>
          <pc:sldMk cId="957415426" sldId="289"/>
        </pc:sldMkLst>
        <pc:spChg chg="add del mod">
          <ac:chgData name="Kanika Agarwal" userId="03cbc23c4c215ab8" providerId="LiveId" clId="{B411AAE3-1AC9-4531-8945-4F518465D9EA}" dt="2025-01-27T11:54:42.256" v="6900" actId="478"/>
          <ac:spMkLst>
            <pc:docMk/>
            <pc:sldMk cId="957415426" sldId="289"/>
            <ac:spMk id="2" creationId="{84A904B0-1B6A-7E28-AEC8-D67B1C877D76}"/>
          </ac:spMkLst>
        </pc:spChg>
        <pc:spChg chg="mod">
          <ac:chgData name="Kanika Agarwal" userId="03cbc23c4c215ab8" providerId="LiveId" clId="{B411AAE3-1AC9-4531-8945-4F518465D9EA}" dt="2025-01-26T12:16:47.801" v="1065" actId="20577"/>
          <ac:spMkLst>
            <pc:docMk/>
            <pc:sldMk cId="957415426" sldId="289"/>
            <ac:spMk id="6" creationId="{6D67A3D4-BF5E-E4D0-0429-2BCCF232F384}"/>
          </ac:spMkLst>
        </pc:spChg>
        <pc:picChg chg="add mod">
          <ac:chgData name="Kanika Agarwal" userId="03cbc23c4c215ab8" providerId="LiveId" clId="{B411AAE3-1AC9-4531-8945-4F518465D9EA}" dt="2025-01-27T13:26:40.815" v="7696" actId="1582"/>
          <ac:picMkLst>
            <pc:docMk/>
            <pc:sldMk cId="957415426" sldId="289"/>
            <ac:picMk id="4" creationId="{CC32DFEE-CBCF-21E9-E6B9-A0BD39D09C89}"/>
          </ac:picMkLst>
        </pc:picChg>
        <pc:picChg chg="add mod">
          <ac:chgData name="Kanika Agarwal" userId="03cbc23c4c215ab8" providerId="LiveId" clId="{B411AAE3-1AC9-4531-8945-4F518465D9EA}" dt="2025-01-27T13:26:40.815" v="7696" actId="1582"/>
          <ac:picMkLst>
            <pc:docMk/>
            <pc:sldMk cId="957415426" sldId="289"/>
            <ac:picMk id="7" creationId="{6FE30ACD-966C-6454-D4CD-148C6282C084}"/>
          </ac:picMkLst>
        </pc:picChg>
        <pc:picChg chg="add mod">
          <ac:chgData name="Kanika Agarwal" userId="03cbc23c4c215ab8" providerId="LiveId" clId="{B411AAE3-1AC9-4531-8945-4F518465D9EA}" dt="2025-01-27T13:26:40.815" v="7696" actId="1582"/>
          <ac:picMkLst>
            <pc:docMk/>
            <pc:sldMk cId="957415426" sldId="289"/>
            <ac:picMk id="10" creationId="{98A3BC1A-B325-8342-B57B-DCE9E60D7584}"/>
          </ac:picMkLst>
        </pc:picChg>
        <pc:picChg chg="del">
          <ac:chgData name="Kanika Agarwal" userId="03cbc23c4c215ab8" providerId="LiveId" clId="{B411AAE3-1AC9-4531-8945-4F518465D9EA}" dt="2025-01-26T12:16:52.479" v="1067" actId="478"/>
          <ac:picMkLst>
            <pc:docMk/>
            <pc:sldMk cId="957415426" sldId="289"/>
            <ac:picMk id="10242" creationId="{632E7318-37D1-1DFF-9672-353891CA4FB3}"/>
          </ac:picMkLst>
        </pc:picChg>
        <pc:picChg chg="del">
          <ac:chgData name="Kanika Agarwal" userId="03cbc23c4c215ab8" providerId="LiveId" clId="{B411AAE3-1AC9-4531-8945-4F518465D9EA}" dt="2025-01-26T12:16:54.059" v="1068" actId="478"/>
          <ac:picMkLst>
            <pc:docMk/>
            <pc:sldMk cId="957415426" sldId="289"/>
            <ac:picMk id="10244" creationId="{296EF89E-C2EF-C8CD-B6B7-FF2C4ECAAF9F}"/>
          </ac:picMkLst>
        </pc:picChg>
        <pc:picChg chg="del">
          <ac:chgData name="Kanika Agarwal" userId="03cbc23c4c215ab8" providerId="LiveId" clId="{B411AAE3-1AC9-4531-8945-4F518465D9EA}" dt="2025-01-26T12:16:50.811" v="1066" actId="478"/>
          <ac:picMkLst>
            <pc:docMk/>
            <pc:sldMk cId="957415426" sldId="289"/>
            <ac:picMk id="10246" creationId="{C9A1D23C-62A1-1714-D951-9B6CB8C10708}"/>
          </ac:picMkLst>
        </pc:picChg>
        <pc:picChg chg="add mod">
          <ac:chgData name="Kanika Agarwal" userId="03cbc23c4c215ab8" providerId="LiveId" clId="{B411AAE3-1AC9-4531-8945-4F518465D9EA}" dt="2025-01-27T11:58:39.862" v="6932" actId="14100"/>
          <ac:picMkLst>
            <pc:docMk/>
            <pc:sldMk cId="957415426" sldId="289"/>
            <ac:picMk id="11266" creationId="{827A9E23-BE63-F08A-97ED-C56A41DFC420}"/>
          </ac:picMkLst>
        </pc:picChg>
      </pc:sldChg>
      <pc:sldChg chg="add del">
        <pc:chgData name="Kanika Agarwal" userId="03cbc23c4c215ab8" providerId="LiveId" clId="{B411AAE3-1AC9-4531-8945-4F518465D9EA}" dt="2025-01-26T12:16:34.466" v="1041"/>
        <pc:sldMkLst>
          <pc:docMk/>
          <pc:sldMk cId="3712182654" sldId="289"/>
        </pc:sldMkLst>
      </pc:sldChg>
      <pc:sldChg chg="addSp delSp modSp add mod ord">
        <pc:chgData name="Kanika Agarwal" userId="03cbc23c4c215ab8" providerId="LiveId" clId="{B411AAE3-1AC9-4531-8945-4F518465D9EA}" dt="2025-01-27T14:51:07.218" v="7996" actId="20577"/>
        <pc:sldMkLst>
          <pc:docMk/>
          <pc:sldMk cId="335520776" sldId="290"/>
        </pc:sldMkLst>
        <pc:spChg chg="del">
          <ac:chgData name="Kanika Agarwal" userId="03cbc23c4c215ab8" providerId="LiveId" clId="{B411AAE3-1AC9-4531-8945-4F518465D9EA}" dt="2025-01-26T15:20:16.884" v="2254" actId="478"/>
          <ac:spMkLst>
            <pc:docMk/>
            <pc:sldMk cId="335520776" sldId="290"/>
            <ac:spMk id="3" creationId="{67F5AC5A-B56B-6E91-D038-D565D5D36427}"/>
          </ac:spMkLst>
        </pc:spChg>
        <pc:spChg chg="add del mod">
          <ac:chgData name="Kanika Agarwal" userId="03cbc23c4c215ab8" providerId="LiveId" clId="{B411AAE3-1AC9-4531-8945-4F518465D9EA}" dt="2025-01-27T10:21:25.425" v="6498" actId="478"/>
          <ac:spMkLst>
            <pc:docMk/>
            <pc:sldMk cId="335520776" sldId="290"/>
            <ac:spMk id="4" creationId="{D7D3D17E-68EF-4F07-4093-D3D4981050AB}"/>
          </ac:spMkLst>
        </pc:spChg>
        <pc:spChg chg="add del mod">
          <ac:chgData name="Kanika Agarwal" userId="03cbc23c4c215ab8" providerId="LiveId" clId="{B411AAE3-1AC9-4531-8945-4F518465D9EA}" dt="2025-01-26T15:20:16.884" v="2254" actId="478"/>
          <ac:spMkLst>
            <pc:docMk/>
            <pc:sldMk cId="335520776" sldId="290"/>
            <ac:spMk id="6" creationId="{49A8BA45-0C87-8141-96D5-22EBAB4A548A}"/>
          </ac:spMkLst>
        </pc:spChg>
        <pc:spChg chg="add del mod">
          <ac:chgData name="Kanika Agarwal" userId="03cbc23c4c215ab8" providerId="LiveId" clId="{B411AAE3-1AC9-4531-8945-4F518465D9EA}" dt="2025-01-26T15:20:16.884" v="2254" actId="478"/>
          <ac:spMkLst>
            <pc:docMk/>
            <pc:sldMk cId="335520776" sldId="290"/>
            <ac:spMk id="10" creationId="{E3402EE4-1BA4-0FA0-2697-43E7D47D9ACF}"/>
          </ac:spMkLst>
        </pc:spChg>
        <pc:spChg chg="del">
          <ac:chgData name="Kanika Agarwal" userId="03cbc23c4c215ab8" providerId="LiveId" clId="{B411AAE3-1AC9-4531-8945-4F518465D9EA}" dt="2025-01-26T15:20:12.324" v="2253" actId="478"/>
          <ac:spMkLst>
            <pc:docMk/>
            <pc:sldMk cId="335520776" sldId="290"/>
            <ac:spMk id="11" creationId="{0EBF58C1-FE99-A2BF-A643-95D1778B6898}"/>
          </ac:spMkLst>
        </pc:spChg>
        <pc:spChg chg="del">
          <ac:chgData name="Kanika Agarwal" userId="03cbc23c4c215ab8" providerId="LiveId" clId="{B411AAE3-1AC9-4531-8945-4F518465D9EA}" dt="2025-01-26T15:20:12.324" v="2253" actId="478"/>
          <ac:spMkLst>
            <pc:docMk/>
            <pc:sldMk cId="335520776" sldId="290"/>
            <ac:spMk id="13" creationId="{1A0814CB-8178-AD0A-3FA2-7AE81C78BF17}"/>
          </ac:spMkLst>
        </pc:spChg>
        <pc:spChg chg="del mod">
          <ac:chgData name="Kanika Agarwal" userId="03cbc23c4c215ab8" providerId="LiveId" clId="{B411AAE3-1AC9-4531-8945-4F518465D9EA}" dt="2025-01-26T15:20:23.274" v="2257" actId="478"/>
          <ac:spMkLst>
            <pc:docMk/>
            <pc:sldMk cId="335520776" sldId="290"/>
            <ac:spMk id="14" creationId="{2BF1984A-F544-9515-14DA-1D721F980F34}"/>
          </ac:spMkLst>
        </pc:spChg>
        <pc:spChg chg="add del mod">
          <ac:chgData name="Kanika Agarwal" userId="03cbc23c4c215ab8" providerId="LiveId" clId="{B411AAE3-1AC9-4531-8945-4F518465D9EA}" dt="2025-01-26T15:20:26.464" v="2258" actId="478"/>
          <ac:spMkLst>
            <pc:docMk/>
            <pc:sldMk cId="335520776" sldId="290"/>
            <ac:spMk id="15" creationId="{6BC5DDE6-99F1-F961-0438-A841A7E3A06B}"/>
          </ac:spMkLst>
        </pc:spChg>
        <pc:spChg chg="mod">
          <ac:chgData name="Kanika Agarwal" userId="03cbc23c4c215ab8" providerId="LiveId" clId="{B411AAE3-1AC9-4531-8945-4F518465D9EA}" dt="2025-01-27T14:51:07.218" v="7996" actId="20577"/>
          <ac:spMkLst>
            <pc:docMk/>
            <pc:sldMk cId="335520776" sldId="290"/>
            <ac:spMk id="19" creationId="{AC50FF1B-1012-F694-96A2-63B4FC093F9B}"/>
          </ac:spMkLst>
        </pc:spChg>
        <pc:spChg chg="mod">
          <ac:chgData name="Kanika Agarwal" userId="03cbc23c4c215ab8" providerId="LiveId" clId="{B411AAE3-1AC9-4531-8945-4F518465D9EA}" dt="2025-01-27T03:38:46.816" v="3764" actId="20577"/>
          <ac:spMkLst>
            <pc:docMk/>
            <pc:sldMk cId="335520776" sldId="290"/>
            <ac:spMk id="20" creationId="{A4416528-7673-CC2B-E69A-49D317C138A2}"/>
          </ac:spMkLst>
        </pc:spChg>
        <pc:spChg chg="del">
          <ac:chgData name="Kanika Agarwal" userId="03cbc23c4c215ab8" providerId="LiveId" clId="{B411AAE3-1AC9-4531-8945-4F518465D9EA}" dt="2025-01-26T15:20:06.204" v="2252" actId="478"/>
          <ac:spMkLst>
            <pc:docMk/>
            <pc:sldMk cId="335520776" sldId="290"/>
            <ac:spMk id="26" creationId="{B51A167B-2D6B-9532-AC03-45585FBCA628}"/>
          </ac:spMkLst>
        </pc:spChg>
        <pc:spChg chg="del">
          <ac:chgData name="Kanika Agarwal" userId="03cbc23c4c215ab8" providerId="LiveId" clId="{B411AAE3-1AC9-4531-8945-4F518465D9EA}" dt="2025-01-26T15:20:06.204" v="2252" actId="478"/>
          <ac:spMkLst>
            <pc:docMk/>
            <pc:sldMk cId="335520776" sldId="290"/>
            <ac:spMk id="28" creationId="{DF34EB54-71CF-9E47-8AF4-C09AE7A0649B}"/>
          </ac:spMkLst>
        </pc:spChg>
        <pc:spChg chg="del">
          <ac:chgData name="Kanika Agarwal" userId="03cbc23c4c215ab8" providerId="LiveId" clId="{B411AAE3-1AC9-4531-8945-4F518465D9EA}" dt="2025-01-26T15:20:06.204" v="2252" actId="478"/>
          <ac:spMkLst>
            <pc:docMk/>
            <pc:sldMk cId="335520776" sldId="290"/>
            <ac:spMk id="31" creationId="{16B3507B-CA7C-A5CA-E06E-5D4ED687BEB8}"/>
          </ac:spMkLst>
        </pc:spChg>
        <pc:spChg chg="del">
          <ac:chgData name="Kanika Agarwal" userId="03cbc23c4c215ab8" providerId="LiveId" clId="{B411AAE3-1AC9-4531-8945-4F518465D9EA}" dt="2025-01-26T15:20:06.204" v="2252" actId="478"/>
          <ac:spMkLst>
            <pc:docMk/>
            <pc:sldMk cId="335520776" sldId="290"/>
            <ac:spMk id="33" creationId="{8B775A45-BEB1-6E90-48A1-71A8E325B188}"/>
          </ac:spMkLst>
        </pc:spChg>
        <pc:spChg chg="del">
          <ac:chgData name="Kanika Agarwal" userId="03cbc23c4c215ab8" providerId="LiveId" clId="{B411AAE3-1AC9-4531-8945-4F518465D9EA}" dt="2025-01-26T15:20:06.204" v="2252" actId="478"/>
          <ac:spMkLst>
            <pc:docMk/>
            <pc:sldMk cId="335520776" sldId="290"/>
            <ac:spMk id="34" creationId="{9A2D25FB-4071-DE52-40CA-2E3FA53FAAFA}"/>
          </ac:spMkLst>
        </pc:spChg>
        <pc:picChg chg="del">
          <ac:chgData name="Kanika Agarwal" userId="03cbc23c4c215ab8" providerId="LiveId" clId="{B411AAE3-1AC9-4531-8945-4F518465D9EA}" dt="2025-01-26T15:20:06.204" v="2252" actId="478"/>
          <ac:picMkLst>
            <pc:docMk/>
            <pc:sldMk cId="335520776" sldId="290"/>
            <ac:picMk id="2" creationId="{45C106B0-F146-9539-014F-F10EAEE3E236}"/>
          </ac:picMkLst>
        </pc:picChg>
        <pc:picChg chg="del">
          <ac:chgData name="Kanika Agarwal" userId="03cbc23c4c215ab8" providerId="LiveId" clId="{B411AAE3-1AC9-4531-8945-4F518465D9EA}" dt="2025-01-26T15:20:06.204" v="2252" actId="478"/>
          <ac:picMkLst>
            <pc:docMk/>
            <pc:sldMk cId="335520776" sldId="290"/>
            <ac:picMk id="7" creationId="{D66CFB97-8E9B-BC0A-341B-52294EC6CA42}"/>
          </ac:picMkLst>
        </pc:picChg>
        <pc:picChg chg="add del">
          <ac:chgData name="Kanika Agarwal" userId="03cbc23c4c215ab8" providerId="LiveId" clId="{B411AAE3-1AC9-4531-8945-4F518465D9EA}" dt="2025-01-26T15:20:06.204" v="2252" actId="478"/>
          <ac:picMkLst>
            <pc:docMk/>
            <pc:sldMk cId="335520776" sldId="290"/>
            <ac:picMk id="8" creationId="{D3CED8AF-4DDB-D1D1-51D7-A98E1EB48464}"/>
          </ac:picMkLst>
        </pc:picChg>
        <pc:picChg chg="add del mod">
          <ac:chgData name="Kanika Agarwal" userId="03cbc23c4c215ab8" providerId="LiveId" clId="{B411AAE3-1AC9-4531-8945-4F518465D9EA}" dt="2025-01-27T03:07:58.727" v="3628" actId="478"/>
          <ac:picMkLst>
            <pc:docMk/>
            <pc:sldMk cId="335520776" sldId="290"/>
            <ac:picMk id="1026" creationId="{A1A96B6E-AD1E-F2CF-AE36-7E56D6ACC6DA}"/>
          </ac:picMkLst>
        </pc:picChg>
        <pc:picChg chg="add mod">
          <ac:chgData name="Kanika Agarwal" userId="03cbc23c4c215ab8" providerId="LiveId" clId="{B411AAE3-1AC9-4531-8945-4F518465D9EA}" dt="2025-01-27T03:25:09.144" v="3633" actId="1076"/>
          <ac:picMkLst>
            <pc:docMk/>
            <pc:sldMk cId="335520776" sldId="290"/>
            <ac:picMk id="1028" creationId="{852FE254-8002-A492-2BBF-9846F43578A4}"/>
          </ac:picMkLst>
        </pc:picChg>
        <pc:picChg chg="add mod">
          <ac:chgData name="Kanika Agarwal" userId="03cbc23c4c215ab8" providerId="LiveId" clId="{B411AAE3-1AC9-4531-8945-4F518465D9EA}" dt="2025-01-27T03:26:53.221" v="3663" actId="1036"/>
          <ac:picMkLst>
            <pc:docMk/>
            <pc:sldMk cId="335520776" sldId="290"/>
            <ac:picMk id="1030" creationId="{E1AE7D04-2B0C-709F-A7C8-46849CACAFD2}"/>
          </ac:picMkLst>
        </pc:picChg>
        <pc:picChg chg="add mod">
          <ac:chgData name="Kanika Agarwal" userId="03cbc23c4c215ab8" providerId="LiveId" clId="{B411AAE3-1AC9-4531-8945-4F518465D9EA}" dt="2025-01-27T03:38:28.854" v="3746" actId="1036"/>
          <ac:picMkLst>
            <pc:docMk/>
            <pc:sldMk cId="335520776" sldId="290"/>
            <ac:picMk id="1032" creationId="{83E5009D-4D6C-7E59-E4B6-3A19408AACF4}"/>
          </ac:picMkLst>
        </pc:picChg>
        <pc:picChg chg="del">
          <ac:chgData name="Kanika Agarwal" userId="03cbc23c4c215ab8" providerId="LiveId" clId="{B411AAE3-1AC9-4531-8945-4F518465D9EA}" dt="2025-01-26T15:20:06.204" v="2252" actId="478"/>
          <ac:picMkLst>
            <pc:docMk/>
            <pc:sldMk cId="335520776" sldId="290"/>
            <ac:picMk id="3074" creationId="{79A4A92B-BAB0-26F9-2CE0-27C701DC8938}"/>
          </ac:picMkLst>
        </pc:picChg>
        <pc:picChg chg="add del mod">
          <ac:chgData name="Kanika Agarwal" userId="03cbc23c4c215ab8" providerId="LiveId" clId="{B411AAE3-1AC9-4531-8945-4F518465D9EA}" dt="2025-01-26T14:00:09.669" v="2139" actId="478"/>
          <ac:picMkLst>
            <pc:docMk/>
            <pc:sldMk cId="335520776" sldId="290"/>
            <ac:picMk id="3076" creationId="{FF569988-D737-EBDE-7289-C5D0DD68723A}"/>
          </ac:picMkLst>
        </pc:picChg>
        <pc:picChg chg="add del mod">
          <ac:chgData name="Kanika Agarwal" userId="03cbc23c4c215ab8" providerId="LiveId" clId="{B411AAE3-1AC9-4531-8945-4F518465D9EA}" dt="2025-01-27T03:26:26.427" v="3644" actId="478"/>
          <ac:picMkLst>
            <pc:docMk/>
            <pc:sldMk cId="335520776" sldId="290"/>
            <ac:picMk id="12290" creationId="{2E3AF683-935D-A3C9-F89B-234E9A6082EA}"/>
          </ac:picMkLst>
        </pc:picChg>
        <pc:picChg chg="add del mod">
          <ac:chgData name="Kanika Agarwal" userId="03cbc23c4c215ab8" providerId="LiveId" clId="{B411AAE3-1AC9-4531-8945-4F518465D9EA}" dt="2025-01-26T15:21:15.804" v="2270" actId="478"/>
          <ac:picMkLst>
            <pc:docMk/>
            <pc:sldMk cId="335520776" sldId="290"/>
            <ac:picMk id="12292" creationId="{43A0040F-15FB-8651-B3A0-15A267E885F6}"/>
          </ac:picMkLst>
        </pc:picChg>
        <pc:picChg chg="add del mod">
          <ac:chgData name="Kanika Agarwal" userId="03cbc23c4c215ab8" providerId="LiveId" clId="{B411AAE3-1AC9-4531-8945-4F518465D9EA}" dt="2025-01-27T03:25:45.275" v="3638" actId="478"/>
          <ac:picMkLst>
            <pc:docMk/>
            <pc:sldMk cId="335520776" sldId="290"/>
            <ac:picMk id="12294" creationId="{A1DAE47D-5D76-4B7D-6B38-39AE78D277E9}"/>
          </ac:picMkLst>
        </pc:picChg>
        <pc:picChg chg="add del mod">
          <ac:chgData name="Kanika Agarwal" userId="03cbc23c4c215ab8" providerId="LiveId" clId="{B411AAE3-1AC9-4531-8945-4F518465D9EA}" dt="2025-01-27T03:25:00.601" v="3630" actId="478"/>
          <ac:picMkLst>
            <pc:docMk/>
            <pc:sldMk cId="335520776" sldId="290"/>
            <ac:picMk id="12296" creationId="{5D19FF47-1297-3FA0-2111-C067679B2607}"/>
          </ac:picMkLst>
        </pc:picChg>
      </pc:sldChg>
      <pc:sldChg chg="addSp delSp modSp new del ord">
        <pc:chgData name="Kanika Agarwal" userId="03cbc23c4c215ab8" providerId="LiveId" clId="{B411AAE3-1AC9-4531-8945-4F518465D9EA}" dt="2025-01-27T07:25:06.326" v="4582" actId="47"/>
        <pc:sldMkLst>
          <pc:docMk/>
          <pc:sldMk cId="3220098438" sldId="291"/>
        </pc:sldMkLst>
        <pc:spChg chg="mod">
          <ac:chgData name="Kanika Agarwal" userId="03cbc23c4c215ab8" providerId="LiveId" clId="{B411AAE3-1AC9-4531-8945-4F518465D9EA}" dt="2025-01-26T13:35:14.070" v="1920" actId="1076"/>
          <ac:spMkLst>
            <pc:docMk/>
            <pc:sldMk cId="3220098438" sldId="291"/>
            <ac:spMk id="3" creationId="{D401A61A-0F01-5965-47AF-54603292B6A5}"/>
          </ac:spMkLst>
        </pc:spChg>
        <pc:picChg chg="add del mod">
          <ac:chgData name="Kanika Agarwal" userId="03cbc23c4c215ab8" providerId="LiveId" clId="{B411AAE3-1AC9-4531-8945-4F518465D9EA}" dt="2025-01-27T07:18:54.920" v="4533" actId="21"/>
          <ac:picMkLst>
            <pc:docMk/>
            <pc:sldMk cId="3220098438" sldId="291"/>
            <ac:picMk id="5" creationId="{A58DCED7-428E-B48E-996C-D3E9F41C7A55}"/>
          </ac:picMkLst>
        </pc:picChg>
      </pc:sldChg>
      <pc:sldChg chg="addSp delSp modSp add mod modClrScheme chgLayout">
        <pc:chgData name="Kanika Agarwal" userId="03cbc23c4c215ab8" providerId="LiveId" clId="{B411AAE3-1AC9-4531-8945-4F518465D9EA}" dt="2025-01-27T14:48:41.835" v="7983" actId="20577"/>
        <pc:sldMkLst>
          <pc:docMk/>
          <pc:sldMk cId="496416039" sldId="292"/>
        </pc:sldMkLst>
        <pc:spChg chg="add del mod">
          <ac:chgData name="Kanika Agarwal" userId="03cbc23c4c215ab8" providerId="LiveId" clId="{B411AAE3-1AC9-4531-8945-4F518465D9EA}" dt="2025-01-26T13:42:40.299" v="2024"/>
          <ac:spMkLst>
            <pc:docMk/>
            <pc:sldMk cId="496416039" sldId="292"/>
            <ac:spMk id="4" creationId="{FBD529A1-01EE-6911-3A46-6476BAA41CC2}"/>
          </ac:spMkLst>
        </pc:spChg>
        <pc:spChg chg="add del mod">
          <ac:chgData name="Kanika Agarwal" userId="03cbc23c4c215ab8" providerId="LiveId" clId="{B411AAE3-1AC9-4531-8945-4F518465D9EA}" dt="2025-01-26T13:43:43.697" v="2030" actId="478"/>
          <ac:spMkLst>
            <pc:docMk/>
            <pc:sldMk cId="496416039" sldId="292"/>
            <ac:spMk id="6" creationId="{2358CB9B-E1AF-E019-2A2A-AE21A3203265}"/>
          </ac:spMkLst>
        </pc:spChg>
        <pc:spChg chg="add del mod">
          <ac:chgData name="Kanika Agarwal" userId="03cbc23c4c215ab8" providerId="LiveId" clId="{B411AAE3-1AC9-4531-8945-4F518465D9EA}" dt="2025-01-26T13:44:14.116" v="2044"/>
          <ac:spMkLst>
            <pc:docMk/>
            <pc:sldMk cId="496416039" sldId="292"/>
            <ac:spMk id="9" creationId="{A2230109-A10D-823C-588F-0C3F9A03A94E}"/>
          </ac:spMkLst>
        </pc:spChg>
        <pc:spChg chg="del">
          <ac:chgData name="Kanika Agarwal" userId="03cbc23c4c215ab8" providerId="LiveId" clId="{B411AAE3-1AC9-4531-8945-4F518465D9EA}" dt="2025-01-26T13:42:29.573" v="2021" actId="478"/>
          <ac:spMkLst>
            <pc:docMk/>
            <pc:sldMk cId="496416039" sldId="292"/>
            <ac:spMk id="11" creationId="{EC7BE3F9-3A8F-7AB4-EC42-17F6578CA3D9}"/>
          </ac:spMkLst>
        </pc:spChg>
        <pc:spChg chg="del">
          <ac:chgData name="Kanika Agarwal" userId="03cbc23c4c215ab8" providerId="LiveId" clId="{B411AAE3-1AC9-4531-8945-4F518465D9EA}" dt="2025-01-26T13:42:29.573" v="2021" actId="478"/>
          <ac:spMkLst>
            <pc:docMk/>
            <pc:sldMk cId="496416039" sldId="292"/>
            <ac:spMk id="13" creationId="{4588B47E-BA98-7391-EA85-F54969E6CC60}"/>
          </ac:spMkLst>
        </pc:spChg>
        <pc:spChg chg="del">
          <ac:chgData name="Kanika Agarwal" userId="03cbc23c4c215ab8" providerId="LiveId" clId="{B411AAE3-1AC9-4531-8945-4F518465D9EA}" dt="2025-01-26T13:42:29.573" v="2021" actId="478"/>
          <ac:spMkLst>
            <pc:docMk/>
            <pc:sldMk cId="496416039" sldId="292"/>
            <ac:spMk id="14" creationId="{ABEB5EFE-0F47-C10F-C1BE-4407282E002C}"/>
          </ac:spMkLst>
        </pc:spChg>
        <pc:spChg chg="del">
          <ac:chgData name="Kanika Agarwal" userId="03cbc23c4c215ab8" providerId="LiveId" clId="{B411AAE3-1AC9-4531-8945-4F518465D9EA}" dt="2025-01-26T13:42:29.573" v="2021" actId="478"/>
          <ac:spMkLst>
            <pc:docMk/>
            <pc:sldMk cId="496416039" sldId="292"/>
            <ac:spMk id="15" creationId="{7DFD3BD7-117C-CE2B-AA33-74C28EF2CA94}"/>
          </ac:spMkLst>
        </pc:spChg>
        <pc:spChg chg="mod ord">
          <ac:chgData name="Kanika Agarwal" userId="03cbc23c4c215ab8" providerId="LiveId" clId="{B411AAE3-1AC9-4531-8945-4F518465D9EA}" dt="2025-01-27T14:48:41.835" v="7983" actId="20577"/>
          <ac:spMkLst>
            <pc:docMk/>
            <pc:sldMk cId="496416039" sldId="292"/>
            <ac:spMk id="19" creationId="{DAA1E0C6-8B0A-78B5-D009-5081C737245F}"/>
          </ac:spMkLst>
        </pc:spChg>
        <pc:spChg chg="mod">
          <ac:chgData name="Kanika Agarwal" userId="03cbc23c4c215ab8" providerId="LiveId" clId="{B411AAE3-1AC9-4531-8945-4F518465D9EA}" dt="2025-01-26T14:19:32.709" v="2200" actId="108"/>
          <ac:spMkLst>
            <pc:docMk/>
            <pc:sldMk cId="496416039" sldId="292"/>
            <ac:spMk id="20" creationId="{E066876D-27A0-DA4A-C6DF-74C966C15069}"/>
          </ac:spMkLst>
        </pc:spChg>
        <pc:spChg chg="del">
          <ac:chgData name="Kanika Agarwal" userId="03cbc23c4c215ab8" providerId="LiveId" clId="{B411AAE3-1AC9-4531-8945-4F518465D9EA}" dt="2025-01-26T13:41:59.463" v="2020" actId="478"/>
          <ac:spMkLst>
            <pc:docMk/>
            <pc:sldMk cId="496416039" sldId="292"/>
            <ac:spMk id="26" creationId="{1593AD2C-B8CA-1FD2-5578-0F3F92C6AB20}"/>
          </ac:spMkLst>
        </pc:spChg>
        <pc:spChg chg="del">
          <ac:chgData name="Kanika Agarwal" userId="03cbc23c4c215ab8" providerId="LiveId" clId="{B411AAE3-1AC9-4531-8945-4F518465D9EA}" dt="2025-01-26T13:41:59.463" v="2020" actId="478"/>
          <ac:spMkLst>
            <pc:docMk/>
            <pc:sldMk cId="496416039" sldId="292"/>
            <ac:spMk id="28" creationId="{A854DE7E-955A-A4C1-1532-40B7A5A97D0D}"/>
          </ac:spMkLst>
        </pc:spChg>
        <pc:spChg chg="del">
          <ac:chgData name="Kanika Agarwal" userId="03cbc23c4c215ab8" providerId="LiveId" clId="{B411AAE3-1AC9-4531-8945-4F518465D9EA}" dt="2025-01-26T13:41:59.463" v="2020" actId="478"/>
          <ac:spMkLst>
            <pc:docMk/>
            <pc:sldMk cId="496416039" sldId="292"/>
            <ac:spMk id="31" creationId="{2FF3011E-881D-3924-CD7E-6228366C694A}"/>
          </ac:spMkLst>
        </pc:spChg>
        <pc:spChg chg="del">
          <ac:chgData name="Kanika Agarwal" userId="03cbc23c4c215ab8" providerId="LiveId" clId="{B411AAE3-1AC9-4531-8945-4F518465D9EA}" dt="2025-01-26T13:41:59.463" v="2020" actId="478"/>
          <ac:spMkLst>
            <pc:docMk/>
            <pc:sldMk cId="496416039" sldId="292"/>
            <ac:spMk id="33" creationId="{2AE393E4-8249-32CA-9E62-1A33C1042D5C}"/>
          </ac:spMkLst>
        </pc:spChg>
        <pc:spChg chg="del">
          <ac:chgData name="Kanika Agarwal" userId="03cbc23c4c215ab8" providerId="LiveId" clId="{B411AAE3-1AC9-4531-8945-4F518465D9EA}" dt="2025-01-26T13:41:59.463" v="2020" actId="478"/>
          <ac:spMkLst>
            <pc:docMk/>
            <pc:sldMk cId="496416039" sldId="292"/>
            <ac:spMk id="34" creationId="{899052DD-5EE4-5B0E-7513-9FBC5E867DB9}"/>
          </ac:spMkLst>
        </pc:spChg>
        <pc:picChg chg="del">
          <ac:chgData name="Kanika Agarwal" userId="03cbc23c4c215ab8" providerId="LiveId" clId="{B411AAE3-1AC9-4531-8945-4F518465D9EA}" dt="2025-01-26T13:41:59.463" v="2020" actId="478"/>
          <ac:picMkLst>
            <pc:docMk/>
            <pc:sldMk cId="496416039" sldId="292"/>
            <ac:picMk id="2" creationId="{170B5627-DCD6-6376-6903-34F805D03A92}"/>
          </ac:picMkLst>
        </pc:picChg>
        <pc:picChg chg="del">
          <ac:chgData name="Kanika Agarwal" userId="03cbc23c4c215ab8" providerId="LiveId" clId="{B411AAE3-1AC9-4531-8945-4F518465D9EA}" dt="2025-01-26T13:41:59.463" v="2020" actId="478"/>
          <ac:picMkLst>
            <pc:docMk/>
            <pc:sldMk cId="496416039" sldId="292"/>
            <ac:picMk id="7" creationId="{1250DBB8-1B7E-2531-7E27-1CCCD74A45C5}"/>
          </ac:picMkLst>
        </pc:picChg>
        <pc:picChg chg="add mod">
          <ac:chgData name="Kanika Agarwal" userId="03cbc23c4c215ab8" providerId="LiveId" clId="{B411AAE3-1AC9-4531-8945-4F518465D9EA}" dt="2025-01-26T18:51:08.609" v="3031" actId="14100"/>
          <ac:picMkLst>
            <pc:docMk/>
            <pc:sldMk cId="496416039" sldId="292"/>
            <ac:picMk id="10" creationId="{823B83A2-0737-0A4C-47C5-79A845A13C06}"/>
          </ac:picMkLst>
        </pc:picChg>
        <pc:picChg chg="add mod">
          <ac:chgData name="Kanika Agarwal" userId="03cbc23c4c215ab8" providerId="LiveId" clId="{B411AAE3-1AC9-4531-8945-4F518465D9EA}" dt="2025-01-26T14:18:49.647" v="2199" actId="1038"/>
          <ac:picMkLst>
            <pc:docMk/>
            <pc:sldMk cId="496416039" sldId="292"/>
            <ac:picMk id="12" creationId="{1DBB37CE-21CE-9DAA-4F5E-3BAE9B019C33}"/>
          </ac:picMkLst>
        </pc:picChg>
        <pc:picChg chg="del">
          <ac:chgData name="Kanika Agarwal" userId="03cbc23c4c215ab8" providerId="LiveId" clId="{B411AAE3-1AC9-4531-8945-4F518465D9EA}" dt="2025-01-26T13:41:59.463" v="2020" actId="478"/>
          <ac:picMkLst>
            <pc:docMk/>
            <pc:sldMk cId="496416039" sldId="292"/>
            <ac:picMk id="3074" creationId="{99DF6A2C-6A7A-3EBC-5FBA-7F3D728D63EC}"/>
          </ac:picMkLst>
        </pc:picChg>
        <pc:picChg chg="del">
          <ac:chgData name="Kanika Agarwal" userId="03cbc23c4c215ab8" providerId="LiveId" clId="{B411AAE3-1AC9-4531-8945-4F518465D9EA}" dt="2025-01-26T13:41:59.463" v="2020" actId="478"/>
          <ac:picMkLst>
            <pc:docMk/>
            <pc:sldMk cId="496416039" sldId="292"/>
            <ac:picMk id="3078" creationId="{8EBC688F-2426-9E5D-FC52-F6EDC942AFA7}"/>
          </ac:picMkLst>
        </pc:picChg>
        <pc:picChg chg="add mod">
          <ac:chgData name="Kanika Agarwal" userId="03cbc23c4c215ab8" providerId="LiveId" clId="{B411AAE3-1AC9-4531-8945-4F518465D9EA}" dt="2025-01-26T18:51:24.305" v="3032" actId="1035"/>
          <ac:picMkLst>
            <pc:docMk/>
            <pc:sldMk cId="496416039" sldId="292"/>
            <ac:picMk id="8210" creationId="{CDDDAEF8-3664-1834-E8AD-81573BE7E8D5}"/>
          </ac:picMkLst>
        </pc:picChg>
        <pc:picChg chg="add del mod">
          <ac:chgData name="Kanika Agarwal" userId="03cbc23c4c215ab8" providerId="LiveId" clId="{B411AAE3-1AC9-4531-8945-4F518465D9EA}" dt="2025-01-26T13:44:11.807" v="2043" actId="21"/>
          <ac:picMkLst>
            <pc:docMk/>
            <pc:sldMk cId="496416039" sldId="292"/>
            <ac:picMk id="14338" creationId="{1DBB37CE-21CE-9DAA-4F5E-3BAE9B019C33}"/>
          </ac:picMkLst>
        </pc:picChg>
      </pc:sldChg>
      <pc:sldChg chg="new del">
        <pc:chgData name="Kanika Agarwal" userId="03cbc23c4c215ab8" providerId="LiveId" clId="{B411AAE3-1AC9-4531-8945-4F518465D9EA}" dt="2025-01-26T13:41:15.366" v="1972" actId="680"/>
        <pc:sldMkLst>
          <pc:docMk/>
          <pc:sldMk cId="4235242958" sldId="292"/>
        </pc:sldMkLst>
      </pc:sldChg>
      <pc:sldChg chg="addSp delSp modSp add mod">
        <pc:chgData name="Kanika Agarwal" userId="03cbc23c4c215ab8" providerId="LiveId" clId="{B411AAE3-1AC9-4531-8945-4F518465D9EA}" dt="2025-01-27T05:17:18.829" v="3872" actId="255"/>
        <pc:sldMkLst>
          <pc:docMk/>
          <pc:sldMk cId="3595845297" sldId="293"/>
        </pc:sldMkLst>
        <pc:spChg chg="add mod">
          <ac:chgData name="Kanika Agarwal" userId="03cbc23c4c215ab8" providerId="LiveId" clId="{B411AAE3-1AC9-4531-8945-4F518465D9EA}" dt="2025-01-27T05:13:52.606" v="3867" actId="14100"/>
          <ac:spMkLst>
            <pc:docMk/>
            <pc:sldMk cId="3595845297" sldId="293"/>
            <ac:spMk id="2" creationId="{2B8E662B-09B0-3BA5-1C75-6A06BBA63443}"/>
          </ac:spMkLst>
        </pc:spChg>
        <pc:spChg chg="del mod">
          <ac:chgData name="Kanika Agarwal" userId="03cbc23c4c215ab8" providerId="LiveId" clId="{B411AAE3-1AC9-4531-8945-4F518465D9EA}" dt="2025-01-27T05:13:21.757" v="3865" actId="478"/>
          <ac:spMkLst>
            <pc:docMk/>
            <pc:sldMk cId="3595845297" sldId="293"/>
            <ac:spMk id="4" creationId="{705E543B-0066-1476-5063-EECC76E76A60}"/>
          </ac:spMkLst>
        </pc:spChg>
        <pc:spChg chg="mod">
          <ac:chgData name="Kanika Agarwal" userId="03cbc23c4c215ab8" providerId="LiveId" clId="{B411AAE3-1AC9-4531-8945-4F518465D9EA}" dt="2025-01-27T05:17:18.829" v="3872" actId="255"/>
          <ac:spMkLst>
            <pc:docMk/>
            <pc:sldMk cId="3595845297" sldId="293"/>
            <ac:spMk id="19" creationId="{18C944AD-830C-4192-E8B2-B1CC4A8AA162}"/>
          </ac:spMkLst>
        </pc:spChg>
        <pc:spChg chg="mod">
          <ac:chgData name="Kanika Agarwal" userId="03cbc23c4c215ab8" providerId="LiveId" clId="{B411AAE3-1AC9-4531-8945-4F518465D9EA}" dt="2025-01-26T16:04:35.365" v="2435"/>
          <ac:spMkLst>
            <pc:docMk/>
            <pc:sldMk cId="3595845297" sldId="293"/>
            <ac:spMk id="20" creationId="{C9BAA97A-6206-1616-B976-E5E20C557705}"/>
          </ac:spMkLst>
        </pc:spChg>
        <pc:picChg chg="del">
          <ac:chgData name="Kanika Agarwal" userId="03cbc23c4c215ab8" providerId="LiveId" clId="{B411AAE3-1AC9-4531-8945-4F518465D9EA}" dt="2025-01-26T16:04:42.038" v="2438" actId="478"/>
          <ac:picMkLst>
            <pc:docMk/>
            <pc:sldMk cId="3595845297" sldId="293"/>
            <ac:picMk id="12290" creationId="{47FD99FA-30CA-093D-CE9D-D14D629626BA}"/>
          </ac:picMkLst>
        </pc:picChg>
        <pc:picChg chg="del">
          <ac:chgData name="Kanika Agarwal" userId="03cbc23c4c215ab8" providerId="LiveId" clId="{B411AAE3-1AC9-4531-8945-4F518465D9EA}" dt="2025-01-26T16:04:40.370" v="2437" actId="478"/>
          <ac:picMkLst>
            <pc:docMk/>
            <pc:sldMk cId="3595845297" sldId="293"/>
            <ac:picMk id="12294" creationId="{52C7C7CA-CB2D-D52A-842A-AD5BA936E54A}"/>
          </ac:picMkLst>
        </pc:picChg>
        <pc:picChg chg="del">
          <ac:chgData name="Kanika Agarwal" userId="03cbc23c4c215ab8" providerId="LiveId" clId="{B411AAE3-1AC9-4531-8945-4F518465D9EA}" dt="2025-01-26T16:04:38.230" v="2436" actId="478"/>
          <ac:picMkLst>
            <pc:docMk/>
            <pc:sldMk cId="3595845297" sldId="293"/>
            <ac:picMk id="12296" creationId="{172B7637-8974-E530-B7ED-6AEF9CDCAD29}"/>
          </ac:picMkLst>
        </pc:picChg>
        <pc:picChg chg="add mod">
          <ac:chgData name="Kanika Agarwal" userId="03cbc23c4c215ab8" providerId="LiveId" clId="{B411AAE3-1AC9-4531-8945-4F518465D9EA}" dt="2025-01-26T16:06:45.713" v="2453" actId="1076"/>
          <ac:picMkLst>
            <pc:docMk/>
            <pc:sldMk cId="3595845297" sldId="293"/>
            <ac:picMk id="15362" creationId="{EE18DC29-739C-70C0-1C1C-E86B396C40A3}"/>
          </ac:picMkLst>
        </pc:picChg>
        <pc:picChg chg="add mod">
          <ac:chgData name="Kanika Agarwal" userId="03cbc23c4c215ab8" providerId="LiveId" clId="{B411AAE3-1AC9-4531-8945-4F518465D9EA}" dt="2025-01-26T16:06:28.579" v="2447" actId="1076"/>
          <ac:picMkLst>
            <pc:docMk/>
            <pc:sldMk cId="3595845297" sldId="293"/>
            <ac:picMk id="15364" creationId="{A5FBD991-18CE-0F75-A497-A9D42EBC6039}"/>
          </ac:picMkLst>
        </pc:picChg>
      </pc:sldChg>
      <pc:sldChg chg="new del">
        <pc:chgData name="Kanika Agarwal" userId="03cbc23c4c215ab8" providerId="LiveId" clId="{B411AAE3-1AC9-4531-8945-4F518465D9EA}" dt="2025-01-26T16:04:21.879" v="2433" actId="47"/>
        <pc:sldMkLst>
          <pc:docMk/>
          <pc:sldMk cId="3667097030" sldId="293"/>
        </pc:sldMkLst>
      </pc:sldChg>
      <pc:sldChg chg="addSp modSp new del">
        <pc:chgData name="Kanika Agarwal" userId="03cbc23c4c215ab8" providerId="LiveId" clId="{B411AAE3-1AC9-4531-8945-4F518465D9EA}" dt="2025-01-26T17:43:15.303" v="2842" actId="680"/>
        <pc:sldMkLst>
          <pc:docMk/>
          <pc:sldMk cId="444274974" sldId="294"/>
        </pc:sldMkLst>
        <pc:picChg chg="add mod">
          <ac:chgData name="Kanika Agarwal" userId="03cbc23c4c215ab8" providerId="LiveId" clId="{B411AAE3-1AC9-4531-8945-4F518465D9EA}" dt="2025-01-26T17:43:14.625" v="2841" actId="1076"/>
          <ac:picMkLst>
            <pc:docMk/>
            <pc:sldMk cId="444274974" sldId="294"/>
            <ac:picMk id="2" creationId="{B42A62DA-4F71-1E12-144E-2FCFB98A28ED}"/>
          </ac:picMkLst>
        </pc:picChg>
      </pc:sldChg>
      <pc:sldChg chg="new del">
        <pc:chgData name="Kanika Agarwal" userId="03cbc23c4c215ab8" providerId="LiveId" clId="{B411AAE3-1AC9-4531-8945-4F518465D9EA}" dt="2025-01-26T17:36:42.329" v="2713" actId="680"/>
        <pc:sldMkLst>
          <pc:docMk/>
          <pc:sldMk cId="781502922" sldId="294"/>
        </pc:sldMkLst>
      </pc:sldChg>
      <pc:sldChg chg="addSp delSp modSp add del mod ord">
        <pc:chgData name="Kanika Agarwal" userId="03cbc23c4c215ab8" providerId="LiveId" clId="{B411AAE3-1AC9-4531-8945-4F518465D9EA}" dt="2025-01-26T17:54:09.134" v="2993"/>
        <pc:sldMkLst>
          <pc:docMk/>
          <pc:sldMk cId="1070578394" sldId="294"/>
        </pc:sldMkLst>
        <pc:spChg chg="mod">
          <ac:chgData name="Kanika Agarwal" userId="03cbc23c4c215ab8" providerId="LiveId" clId="{B411AAE3-1AC9-4531-8945-4F518465D9EA}" dt="2025-01-26T17:39:01.096" v="2808" actId="20577"/>
          <ac:spMkLst>
            <pc:docMk/>
            <pc:sldMk cId="1070578394" sldId="294"/>
            <ac:spMk id="2" creationId="{5DDB7CAC-F2D4-3387-1AD6-B155FEA7F60B}"/>
          </ac:spMkLst>
        </pc:spChg>
        <pc:spChg chg="del">
          <ac:chgData name="Kanika Agarwal" userId="03cbc23c4c215ab8" providerId="LiveId" clId="{B411AAE3-1AC9-4531-8945-4F518465D9EA}" dt="2025-01-26T17:37:33.830" v="2717" actId="478"/>
          <ac:spMkLst>
            <pc:docMk/>
            <pc:sldMk cId="1070578394" sldId="294"/>
            <ac:spMk id="3" creationId="{4A4C4189-1FB7-BA13-8463-4414D7D88E77}"/>
          </ac:spMkLst>
        </pc:spChg>
        <pc:spChg chg="add del mod">
          <ac:chgData name="Kanika Agarwal" userId="03cbc23c4c215ab8" providerId="LiveId" clId="{B411AAE3-1AC9-4531-8945-4F518465D9EA}" dt="2025-01-26T17:37:39.089" v="2719"/>
          <ac:spMkLst>
            <pc:docMk/>
            <pc:sldMk cId="1070578394" sldId="294"/>
            <ac:spMk id="5" creationId="{AB0970BE-CDAC-D006-988B-C89CF6A0F920}"/>
          </ac:spMkLst>
        </pc:spChg>
        <pc:picChg chg="add mod">
          <ac:chgData name="Kanika Agarwal" userId="03cbc23c4c215ab8" providerId="LiveId" clId="{B411AAE3-1AC9-4531-8945-4F518465D9EA}" dt="2025-01-26T17:37:35.578" v="2718"/>
          <ac:picMkLst>
            <pc:docMk/>
            <pc:sldMk cId="1070578394" sldId="294"/>
            <ac:picMk id="6" creationId="{443F9BD1-4791-4344-BE82-5CB9B63E483B}"/>
          </ac:picMkLst>
        </pc:picChg>
        <pc:picChg chg="add mod">
          <ac:chgData name="Kanika Agarwal" userId="03cbc23c4c215ab8" providerId="LiveId" clId="{B411AAE3-1AC9-4531-8945-4F518465D9EA}" dt="2025-01-26T17:39:15.670" v="2809" actId="14100"/>
          <ac:picMkLst>
            <pc:docMk/>
            <pc:sldMk cId="1070578394" sldId="294"/>
            <ac:picMk id="7" creationId="{63E375B9-1747-8951-FAE9-7682AAE30367}"/>
          </ac:picMkLst>
        </pc:picChg>
      </pc:sldChg>
      <pc:sldChg chg="addSp delSp modSp add mod">
        <pc:chgData name="Kanika Agarwal" userId="03cbc23c4c215ab8" providerId="LiveId" clId="{B411AAE3-1AC9-4531-8945-4F518465D9EA}" dt="2025-01-26T17:46:46.725" v="2906" actId="20577"/>
        <pc:sldMkLst>
          <pc:docMk/>
          <pc:sldMk cId="278174393" sldId="295"/>
        </pc:sldMkLst>
        <pc:spChg chg="mod">
          <ac:chgData name="Kanika Agarwal" userId="03cbc23c4c215ab8" providerId="LiveId" clId="{B411AAE3-1AC9-4531-8945-4F518465D9EA}" dt="2025-01-26T17:46:46.725" v="2906" actId="20577"/>
          <ac:spMkLst>
            <pc:docMk/>
            <pc:sldMk cId="278174393" sldId="295"/>
            <ac:spMk id="2" creationId="{C35BB3A7-CD37-E30B-4BBD-EEB75E042A61}"/>
          </ac:spMkLst>
        </pc:spChg>
        <pc:spChg chg="add del mod">
          <ac:chgData name="Kanika Agarwal" userId="03cbc23c4c215ab8" providerId="LiveId" clId="{B411AAE3-1AC9-4531-8945-4F518465D9EA}" dt="2025-01-26T17:46:13.381" v="2904" actId="478"/>
          <ac:spMkLst>
            <pc:docMk/>
            <pc:sldMk cId="278174393" sldId="295"/>
            <ac:spMk id="3" creationId="{56C28896-9A12-D62E-A907-71ABCFCC5828}"/>
          </ac:spMkLst>
        </pc:spChg>
        <pc:picChg chg="add mod">
          <ac:chgData name="Kanika Agarwal" userId="03cbc23c4c215ab8" providerId="LiveId" clId="{B411AAE3-1AC9-4531-8945-4F518465D9EA}" dt="2025-01-26T17:46:21.704" v="2905" actId="14100"/>
          <ac:picMkLst>
            <pc:docMk/>
            <pc:sldMk cId="278174393" sldId="295"/>
            <ac:picMk id="4" creationId="{82F5EC61-2E5D-221A-2C7D-0D08AE1C6A0B}"/>
          </ac:picMkLst>
        </pc:picChg>
        <pc:picChg chg="del">
          <ac:chgData name="Kanika Agarwal" userId="03cbc23c4c215ab8" providerId="LiveId" clId="{B411AAE3-1AC9-4531-8945-4F518465D9EA}" dt="2025-01-26T17:45:04.682" v="2860" actId="478"/>
          <ac:picMkLst>
            <pc:docMk/>
            <pc:sldMk cId="278174393" sldId="295"/>
            <ac:picMk id="7" creationId="{055AC074-BE08-FB9F-5806-82E2307A7FA8}"/>
          </ac:picMkLst>
        </pc:picChg>
      </pc:sldChg>
      <pc:sldChg chg="addSp delSp modSp new del mod">
        <pc:chgData name="Kanika Agarwal" userId="03cbc23c4c215ab8" providerId="LiveId" clId="{B411AAE3-1AC9-4531-8945-4F518465D9EA}" dt="2025-01-26T17:44:03.522" v="2851" actId="27022"/>
        <pc:sldMkLst>
          <pc:docMk/>
          <pc:sldMk cId="3230785516" sldId="295"/>
        </pc:sldMkLst>
        <pc:graphicFrameChg chg="add del modGraphic">
          <ac:chgData name="Kanika Agarwal" userId="03cbc23c4c215ab8" providerId="LiveId" clId="{B411AAE3-1AC9-4531-8945-4F518465D9EA}" dt="2025-01-26T17:44:03.522" v="2851" actId="27022"/>
          <ac:graphicFrameMkLst>
            <pc:docMk/>
            <pc:sldMk cId="3230785516" sldId="295"/>
            <ac:graphicFrameMk id="6" creationId="{5F48110F-66A0-0449-FE13-19065D716F83}"/>
          </ac:graphicFrameMkLst>
        </pc:graphicFrameChg>
      </pc:sldChg>
      <pc:sldChg chg="addSp delSp modSp new add del mod">
        <pc:chgData name="Kanika Agarwal" userId="03cbc23c4c215ab8" providerId="LiveId" clId="{B411AAE3-1AC9-4531-8945-4F518465D9EA}" dt="2025-01-26T17:43:42.618" v="2849" actId="2696"/>
        <pc:sldMkLst>
          <pc:docMk/>
          <pc:sldMk cId="3502313737" sldId="295"/>
        </pc:sldMkLst>
        <pc:graphicFrameChg chg="add del modGraphic">
          <ac:chgData name="Kanika Agarwal" userId="03cbc23c4c215ab8" providerId="LiveId" clId="{B411AAE3-1AC9-4531-8945-4F518465D9EA}" dt="2025-01-26T17:43:19.664" v="2847"/>
          <ac:graphicFrameMkLst>
            <pc:docMk/>
            <pc:sldMk cId="3502313737" sldId="295"/>
            <ac:graphicFrameMk id="6" creationId="{73B7540C-03B2-3349-9D63-4EC4DAAC9096}"/>
          </ac:graphicFrameMkLst>
        </pc:graphicFrameChg>
      </pc:sldChg>
      <pc:sldChg chg="new del">
        <pc:chgData name="Kanika Agarwal" userId="03cbc23c4c215ab8" providerId="LiveId" clId="{B411AAE3-1AC9-4531-8945-4F518465D9EA}" dt="2025-01-26T17:44:54.528" v="2858" actId="680"/>
        <pc:sldMkLst>
          <pc:docMk/>
          <pc:sldMk cId="3815514404" sldId="295"/>
        </pc:sldMkLst>
      </pc:sldChg>
      <pc:sldChg chg="addSp delSp modSp add mod">
        <pc:chgData name="Kanika Agarwal" userId="03cbc23c4c215ab8" providerId="LiveId" clId="{B411AAE3-1AC9-4531-8945-4F518465D9EA}" dt="2025-01-26T17:49:12.903" v="2944" actId="20577"/>
        <pc:sldMkLst>
          <pc:docMk/>
          <pc:sldMk cId="4269543118" sldId="296"/>
        </pc:sldMkLst>
        <pc:spChg chg="mod">
          <ac:chgData name="Kanika Agarwal" userId="03cbc23c4c215ab8" providerId="LiveId" clId="{B411AAE3-1AC9-4531-8945-4F518465D9EA}" dt="2025-01-26T17:49:12.903" v="2944" actId="20577"/>
          <ac:spMkLst>
            <pc:docMk/>
            <pc:sldMk cId="4269543118" sldId="296"/>
            <ac:spMk id="2" creationId="{7661768E-111A-DCE6-8D00-A036410A8FD4}"/>
          </ac:spMkLst>
        </pc:spChg>
        <pc:picChg chg="add mod">
          <ac:chgData name="Kanika Agarwal" userId="03cbc23c4c215ab8" providerId="LiveId" clId="{B411AAE3-1AC9-4531-8945-4F518465D9EA}" dt="2025-01-26T17:49:00.830" v="2929" actId="14100"/>
          <ac:picMkLst>
            <pc:docMk/>
            <pc:sldMk cId="4269543118" sldId="296"/>
            <ac:picMk id="3" creationId="{1C55F63B-E49E-D599-DD4E-90C36C087D50}"/>
          </ac:picMkLst>
        </pc:picChg>
        <pc:picChg chg="del">
          <ac:chgData name="Kanika Agarwal" userId="03cbc23c4c215ab8" providerId="LiveId" clId="{B411AAE3-1AC9-4531-8945-4F518465D9EA}" dt="2025-01-26T17:48:39.445" v="2921" actId="478"/>
          <ac:picMkLst>
            <pc:docMk/>
            <pc:sldMk cId="4269543118" sldId="296"/>
            <ac:picMk id="4" creationId="{3658A287-5D41-FBB6-F723-6A92FA1256FC}"/>
          </ac:picMkLst>
        </pc:picChg>
      </pc:sldChg>
      <pc:sldChg chg="addSp delSp modSp add mod">
        <pc:chgData name="Kanika Agarwal" userId="03cbc23c4c215ab8" providerId="LiveId" clId="{B411AAE3-1AC9-4531-8945-4F518465D9EA}" dt="2025-01-27T02:04:35.424" v="3144" actId="20577"/>
        <pc:sldMkLst>
          <pc:docMk/>
          <pc:sldMk cId="4170825152" sldId="297"/>
        </pc:sldMkLst>
        <pc:spChg chg="mod">
          <ac:chgData name="Kanika Agarwal" userId="03cbc23c4c215ab8" providerId="LiveId" clId="{B411AAE3-1AC9-4531-8945-4F518465D9EA}" dt="2025-01-27T02:04:35.424" v="3144" actId="20577"/>
          <ac:spMkLst>
            <pc:docMk/>
            <pc:sldMk cId="4170825152" sldId="297"/>
            <ac:spMk id="2" creationId="{2C7AC810-1BE7-0361-E586-1AB61C64814E}"/>
          </ac:spMkLst>
        </pc:spChg>
        <pc:picChg chg="del">
          <ac:chgData name="Kanika Agarwal" userId="03cbc23c4c215ab8" providerId="LiveId" clId="{B411AAE3-1AC9-4531-8945-4F518465D9EA}" dt="2025-01-26T17:50:54.988" v="2957" actId="478"/>
          <ac:picMkLst>
            <pc:docMk/>
            <pc:sldMk cId="4170825152" sldId="297"/>
            <ac:picMk id="3" creationId="{211C60F2-A4A7-C1D5-4A5D-63A4A2391A02}"/>
          </ac:picMkLst>
        </pc:picChg>
        <pc:picChg chg="add mod">
          <ac:chgData name="Kanika Agarwal" userId="03cbc23c4c215ab8" providerId="LiveId" clId="{B411AAE3-1AC9-4531-8945-4F518465D9EA}" dt="2025-01-26T17:51:10.383" v="2963" actId="1076"/>
          <ac:picMkLst>
            <pc:docMk/>
            <pc:sldMk cId="4170825152" sldId="297"/>
            <ac:picMk id="4" creationId="{86CD15E0-4D48-3534-AA33-D1CD712C75AE}"/>
          </ac:picMkLst>
        </pc:picChg>
      </pc:sldChg>
      <pc:sldChg chg="addSp delSp modSp add mod">
        <pc:chgData name="Kanika Agarwal" userId="03cbc23c4c215ab8" providerId="LiveId" clId="{B411AAE3-1AC9-4531-8945-4F518465D9EA}" dt="2025-01-27T02:07:04.813" v="3331" actId="1038"/>
        <pc:sldMkLst>
          <pc:docMk/>
          <pc:sldMk cId="1907492672" sldId="298"/>
        </pc:sldMkLst>
        <pc:spChg chg="mod">
          <ac:chgData name="Kanika Agarwal" userId="03cbc23c4c215ab8" providerId="LiveId" clId="{B411AAE3-1AC9-4531-8945-4F518465D9EA}" dt="2025-01-27T02:05:17.847" v="3211" actId="20577"/>
          <ac:spMkLst>
            <pc:docMk/>
            <pc:sldMk cId="1907492672" sldId="298"/>
            <ac:spMk id="2" creationId="{DE68D793-BF94-A668-F02F-9242E157ACB6}"/>
          </ac:spMkLst>
        </pc:spChg>
        <pc:picChg chg="add mod">
          <ac:chgData name="Kanika Agarwal" userId="03cbc23c4c215ab8" providerId="LiveId" clId="{B411AAE3-1AC9-4531-8945-4F518465D9EA}" dt="2025-01-27T02:07:04.813" v="3331" actId="1038"/>
          <ac:picMkLst>
            <pc:docMk/>
            <pc:sldMk cId="1907492672" sldId="298"/>
            <ac:picMk id="3" creationId="{CFAF474F-4E02-2887-1E10-B6DE66553B91}"/>
          </ac:picMkLst>
        </pc:picChg>
        <pc:picChg chg="del">
          <ac:chgData name="Kanika Agarwal" userId="03cbc23c4c215ab8" providerId="LiveId" clId="{B411AAE3-1AC9-4531-8945-4F518465D9EA}" dt="2025-01-27T02:03:07.635" v="3098" actId="478"/>
          <ac:picMkLst>
            <pc:docMk/>
            <pc:sldMk cId="1907492672" sldId="298"/>
            <ac:picMk id="4" creationId="{6ABFE554-D52B-9F9C-E815-024E845F4F63}"/>
          </ac:picMkLst>
        </pc:picChg>
      </pc:sldChg>
      <pc:sldChg chg="addSp delSp modSp add mod">
        <pc:chgData name="Kanika Agarwal" userId="03cbc23c4c215ab8" providerId="LiveId" clId="{B411AAE3-1AC9-4531-8945-4F518465D9EA}" dt="2025-01-27T02:06:29.427" v="3286" actId="20577"/>
        <pc:sldMkLst>
          <pc:docMk/>
          <pc:sldMk cId="803213355" sldId="299"/>
        </pc:sldMkLst>
        <pc:spChg chg="mod">
          <ac:chgData name="Kanika Agarwal" userId="03cbc23c4c215ab8" providerId="LiveId" clId="{B411AAE3-1AC9-4531-8945-4F518465D9EA}" dt="2025-01-27T02:06:29.427" v="3286" actId="20577"/>
          <ac:spMkLst>
            <pc:docMk/>
            <pc:sldMk cId="803213355" sldId="299"/>
            <ac:spMk id="2" creationId="{0C60F4E9-FF00-A0F0-6D64-55370F6E9BA3}"/>
          </ac:spMkLst>
        </pc:spChg>
        <pc:picChg chg="del">
          <ac:chgData name="Kanika Agarwal" userId="03cbc23c4c215ab8" providerId="LiveId" clId="{B411AAE3-1AC9-4531-8945-4F518465D9EA}" dt="2025-01-27T02:05:45.588" v="3213" actId="478"/>
          <ac:picMkLst>
            <pc:docMk/>
            <pc:sldMk cId="803213355" sldId="299"/>
            <ac:picMk id="3" creationId="{3291B29B-0F79-4679-F1B1-8DA7E47D3DB5}"/>
          </ac:picMkLst>
        </pc:picChg>
        <pc:picChg chg="add mod">
          <ac:chgData name="Kanika Agarwal" userId="03cbc23c4c215ab8" providerId="LiveId" clId="{B411AAE3-1AC9-4531-8945-4F518465D9EA}" dt="2025-01-27T02:06:15.050" v="3270" actId="1038"/>
          <ac:picMkLst>
            <pc:docMk/>
            <pc:sldMk cId="803213355" sldId="299"/>
            <ac:picMk id="4" creationId="{399F056F-A060-6957-3236-EA431ADDB385}"/>
          </ac:picMkLst>
        </pc:picChg>
      </pc:sldChg>
      <pc:sldChg chg="addSp delSp modSp add mod">
        <pc:chgData name="Kanika Agarwal" userId="03cbc23c4c215ab8" providerId="LiveId" clId="{B411AAE3-1AC9-4531-8945-4F518465D9EA}" dt="2025-01-27T02:14:55.569" v="3383" actId="1037"/>
        <pc:sldMkLst>
          <pc:docMk/>
          <pc:sldMk cId="2210107769" sldId="300"/>
        </pc:sldMkLst>
        <pc:spChg chg="mod">
          <ac:chgData name="Kanika Agarwal" userId="03cbc23c4c215ab8" providerId="LiveId" clId="{B411AAE3-1AC9-4531-8945-4F518465D9EA}" dt="2025-01-27T02:14:39.616" v="3380" actId="20577"/>
          <ac:spMkLst>
            <pc:docMk/>
            <pc:sldMk cId="2210107769" sldId="300"/>
            <ac:spMk id="2" creationId="{C83EC8B3-5C00-E748-5A30-986B676CAA36}"/>
          </ac:spMkLst>
        </pc:spChg>
        <pc:picChg chg="add mod">
          <ac:chgData name="Kanika Agarwal" userId="03cbc23c4c215ab8" providerId="LiveId" clId="{B411AAE3-1AC9-4531-8945-4F518465D9EA}" dt="2025-01-27T02:14:55.569" v="3383" actId="1037"/>
          <ac:picMkLst>
            <pc:docMk/>
            <pc:sldMk cId="2210107769" sldId="300"/>
            <ac:picMk id="3" creationId="{5FAD2F95-2F53-48C1-6F4C-4F66E7ED6B6D}"/>
          </ac:picMkLst>
        </pc:picChg>
        <pc:picChg chg="del">
          <ac:chgData name="Kanika Agarwal" userId="03cbc23c4c215ab8" providerId="LiveId" clId="{B411AAE3-1AC9-4531-8945-4F518465D9EA}" dt="2025-01-27T02:07:36.121" v="3333" actId="478"/>
          <ac:picMkLst>
            <pc:docMk/>
            <pc:sldMk cId="2210107769" sldId="300"/>
            <ac:picMk id="4" creationId="{06DA11C5-FA76-CD82-ECEB-DF9C9C81DE94}"/>
          </ac:picMkLst>
        </pc:picChg>
      </pc:sldChg>
      <pc:sldChg chg="addSp delSp modSp add mod">
        <pc:chgData name="Kanika Agarwal" userId="03cbc23c4c215ab8" providerId="LiveId" clId="{B411AAE3-1AC9-4531-8945-4F518465D9EA}" dt="2025-01-27T02:17:16.461" v="3418" actId="20577"/>
        <pc:sldMkLst>
          <pc:docMk/>
          <pc:sldMk cId="492101132" sldId="301"/>
        </pc:sldMkLst>
        <pc:spChg chg="mod">
          <ac:chgData name="Kanika Agarwal" userId="03cbc23c4c215ab8" providerId="LiveId" clId="{B411AAE3-1AC9-4531-8945-4F518465D9EA}" dt="2025-01-27T02:17:16.461" v="3418" actId="20577"/>
          <ac:spMkLst>
            <pc:docMk/>
            <pc:sldMk cId="492101132" sldId="301"/>
            <ac:spMk id="2" creationId="{2E8FEC6C-3B71-DFD3-068B-A4FCE6C24766}"/>
          </ac:spMkLst>
        </pc:spChg>
        <pc:picChg chg="del">
          <ac:chgData name="Kanika Agarwal" userId="03cbc23c4c215ab8" providerId="LiveId" clId="{B411AAE3-1AC9-4531-8945-4F518465D9EA}" dt="2025-01-27T02:15:18.747" v="3385" actId="478"/>
          <ac:picMkLst>
            <pc:docMk/>
            <pc:sldMk cId="492101132" sldId="301"/>
            <ac:picMk id="3" creationId="{97C62F34-76A4-8C67-45AF-1391637809C1}"/>
          </ac:picMkLst>
        </pc:picChg>
        <pc:picChg chg="add mod">
          <ac:chgData name="Kanika Agarwal" userId="03cbc23c4c215ab8" providerId="LiveId" clId="{B411AAE3-1AC9-4531-8945-4F518465D9EA}" dt="2025-01-27T02:16:04.867" v="3406" actId="1037"/>
          <ac:picMkLst>
            <pc:docMk/>
            <pc:sldMk cId="492101132" sldId="301"/>
            <ac:picMk id="4" creationId="{4AF1884A-1DF9-3F4D-F308-D0F1166F0A08}"/>
          </ac:picMkLst>
        </pc:picChg>
      </pc:sldChg>
      <pc:sldChg chg="addSp delSp modSp add mod">
        <pc:chgData name="Kanika Agarwal" userId="03cbc23c4c215ab8" providerId="LiveId" clId="{B411AAE3-1AC9-4531-8945-4F518465D9EA}" dt="2025-01-27T10:21:34.850" v="6499" actId="478"/>
        <pc:sldMkLst>
          <pc:docMk/>
          <pc:sldMk cId="1302762889" sldId="302"/>
        </pc:sldMkLst>
        <pc:spChg chg="del mod">
          <ac:chgData name="Kanika Agarwal" userId="03cbc23c4c215ab8" providerId="LiveId" clId="{B411AAE3-1AC9-4531-8945-4F518465D9EA}" dt="2025-01-27T10:21:34.850" v="6499" actId="478"/>
          <ac:spMkLst>
            <pc:docMk/>
            <pc:sldMk cId="1302762889" sldId="302"/>
            <ac:spMk id="4" creationId="{7D817501-7D44-96BD-CA63-F59E9803528B}"/>
          </ac:spMkLst>
        </pc:spChg>
        <pc:spChg chg="mod">
          <ac:chgData name="Kanika Agarwal" userId="03cbc23c4c215ab8" providerId="LiveId" clId="{B411AAE3-1AC9-4531-8945-4F518465D9EA}" dt="2025-01-27T05:10:58.625" v="3832" actId="20577"/>
          <ac:spMkLst>
            <pc:docMk/>
            <pc:sldMk cId="1302762889" sldId="302"/>
            <ac:spMk id="19" creationId="{37232FB1-6E82-59F4-8E99-A193048E5302}"/>
          </ac:spMkLst>
        </pc:spChg>
        <pc:spChg chg="mod">
          <ac:chgData name="Kanika Agarwal" userId="03cbc23c4c215ab8" providerId="LiveId" clId="{B411AAE3-1AC9-4531-8945-4F518465D9EA}" dt="2025-01-27T05:11:53.856" v="3861" actId="20577"/>
          <ac:spMkLst>
            <pc:docMk/>
            <pc:sldMk cId="1302762889" sldId="302"/>
            <ac:spMk id="20" creationId="{E45E3B78-DA5C-B6F1-EA5A-EB50ADCABC5A}"/>
          </ac:spMkLst>
        </pc:spChg>
        <pc:picChg chg="add mod">
          <ac:chgData name="Kanika Agarwal" userId="03cbc23c4c215ab8" providerId="LiveId" clId="{B411AAE3-1AC9-4531-8945-4F518465D9EA}" dt="2025-01-27T05:04:16.481" v="3817" actId="1038"/>
          <ac:picMkLst>
            <pc:docMk/>
            <pc:sldMk cId="1302762889" sldId="302"/>
            <ac:picMk id="3" creationId="{71B1FBBE-B8BE-E08C-B52E-DD2EEA088E9E}"/>
          </ac:picMkLst>
        </pc:picChg>
        <pc:picChg chg="del">
          <ac:chgData name="Kanika Agarwal" userId="03cbc23c4c215ab8" providerId="LiveId" clId="{B411AAE3-1AC9-4531-8945-4F518465D9EA}" dt="2025-01-27T05:03:44.717" v="3769" actId="478"/>
          <ac:picMkLst>
            <pc:docMk/>
            <pc:sldMk cId="1302762889" sldId="302"/>
            <ac:picMk id="1028" creationId="{B1DD5C5C-1F15-C770-BBEA-F94E0C9B0CA8}"/>
          </ac:picMkLst>
        </pc:picChg>
        <pc:picChg chg="del">
          <ac:chgData name="Kanika Agarwal" userId="03cbc23c4c215ab8" providerId="LiveId" clId="{B411AAE3-1AC9-4531-8945-4F518465D9EA}" dt="2025-01-27T05:03:47.650" v="3770" actId="478"/>
          <ac:picMkLst>
            <pc:docMk/>
            <pc:sldMk cId="1302762889" sldId="302"/>
            <ac:picMk id="1030" creationId="{9DC4C026-C341-051B-63DF-9CBEAD550DC1}"/>
          </ac:picMkLst>
        </pc:picChg>
        <pc:picChg chg="del">
          <ac:chgData name="Kanika Agarwal" userId="03cbc23c4c215ab8" providerId="LiveId" clId="{B411AAE3-1AC9-4531-8945-4F518465D9EA}" dt="2025-01-27T05:03:50.108" v="3771" actId="478"/>
          <ac:picMkLst>
            <pc:docMk/>
            <pc:sldMk cId="1302762889" sldId="302"/>
            <ac:picMk id="1032" creationId="{AA6BFA72-C914-E85C-D72D-7A22A08EC98E}"/>
          </ac:picMkLst>
        </pc:picChg>
      </pc:sldChg>
      <pc:sldChg chg="addSp delSp modSp add mod">
        <pc:chgData name="Kanika Agarwal" userId="03cbc23c4c215ab8" providerId="LiveId" clId="{B411AAE3-1AC9-4531-8945-4F518465D9EA}" dt="2025-01-27T05:37:40.725" v="4147" actId="20577"/>
        <pc:sldMkLst>
          <pc:docMk/>
          <pc:sldMk cId="4291450603" sldId="303"/>
        </pc:sldMkLst>
        <pc:spChg chg="mod">
          <ac:chgData name="Kanika Agarwal" userId="03cbc23c4c215ab8" providerId="LiveId" clId="{B411AAE3-1AC9-4531-8945-4F518465D9EA}" dt="2025-01-27T05:37:40.725" v="4147" actId="20577"/>
          <ac:spMkLst>
            <pc:docMk/>
            <pc:sldMk cId="4291450603" sldId="303"/>
            <ac:spMk id="2" creationId="{879D2829-45E3-7FB8-EE3F-4D6C7E576CBA}"/>
          </ac:spMkLst>
        </pc:spChg>
        <pc:picChg chg="add mod">
          <ac:chgData name="Kanika Agarwal" userId="03cbc23c4c215ab8" providerId="LiveId" clId="{B411AAE3-1AC9-4531-8945-4F518465D9EA}" dt="2025-01-27T05:36:26.573" v="4014" actId="1035"/>
          <ac:picMkLst>
            <pc:docMk/>
            <pc:sldMk cId="4291450603" sldId="303"/>
            <ac:picMk id="3" creationId="{E6157935-CE65-9E98-2141-84E663ECCE6B}"/>
          </ac:picMkLst>
        </pc:picChg>
        <pc:picChg chg="del">
          <ac:chgData name="Kanika Agarwal" userId="03cbc23c4c215ab8" providerId="LiveId" clId="{B411AAE3-1AC9-4531-8945-4F518465D9EA}" dt="2025-01-27T05:34:39.958" v="3952" actId="478"/>
          <ac:picMkLst>
            <pc:docMk/>
            <pc:sldMk cId="4291450603" sldId="303"/>
            <ac:picMk id="4" creationId="{1C35FB32-F453-97F4-AF5D-431558FA7D2E}"/>
          </ac:picMkLst>
        </pc:picChg>
      </pc:sldChg>
      <pc:sldChg chg="addSp delSp modSp add mod modNotesTx">
        <pc:chgData name="Kanika Agarwal" userId="03cbc23c4c215ab8" providerId="LiveId" clId="{B411AAE3-1AC9-4531-8945-4F518465D9EA}" dt="2025-01-27T10:51:21.576" v="6848" actId="20577"/>
        <pc:sldMkLst>
          <pc:docMk/>
          <pc:sldMk cId="1725819312" sldId="304"/>
        </pc:sldMkLst>
        <pc:spChg chg="mod">
          <ac:chgData name="Kanika Agarwal" userId="03cbc23c4c215ab8" providerId="LiveId" clId="{B411AAE3-1AC9-4531-8945-4F518465D9EA}" dt="2025-01-27T09:44:09.130" v="6271" actId="20577"/>
          <ac:spMkLst>
            <pc:docMk/>
            <pc:sldMk cId="1725819312" sldId="304"/>
            <ac:spMk id="2" creationId="{75F8C08E-5DD3-6290-A803-EEBCAF1C13C9}"/>
          </ac:spMkLst>
        </pc:spChg>
        <pc:picChg chg="del">
          <ac:chgData name="Kanika Agarwal" userId="03cbc23c4c215ab8" providerId="LiveId" clId="{B411AAE3-1AC9-4531-8945-4F518465D9EA}" dt="2025-01-27T05:38:02.824" v="4149" actId="478"/>
          <ac:picMkLst>
            <pc:docMk/>
            <pc:sldMk cId="1725819312" sldId="304"/>
            <ac:picMk id="3" creationId="{FFE75519-E323-B895-97F3-D6F39EDFFEEC}"/>
          </ac:picMkLst>
        </pc:picChg>
        <pc:picChg chg="add del mod">
          <ac:chgData name="Kanika Agarwal" userId="03cbc23c4c215ab8" providerId="LiveId" clId="{B411AAE3-1AC9-4531-8945-4F518465D9EA}" dt="2025-01-27T09:43:24.343" v="6238" actId="478"/>
          <ac:picMkLst>
            <pc:docMk/>
            <pc:sldMk cId="1725819312" sldId="304"/>
            <ac:picMk id="4" creationId="{1D64C654-EA2A-F82B-96F3-5A3CFA41E6CC}"/>
          </ac:picMkLst>
        </pc:picChg>
        <pc:picChg chg="add mod">
          <ac:chgData name="Kanika Agarwal" userId="03cbc23c4c215ab8" providerId="LiveId" clId="{B411AAE3-1AC9-4531-8945-4F518465D9EA}" dt="2025-01-27T09:44:20.164" v="6273" actId="14100"/>
          <ac:picMkLst>
            <pc:docMk/>
            <pc:sldMk cId="1725819312" sldId="304"/>
            <ac:picMk id="10242" creationId="{265F04C5-021F-BC8F-84D6-6023D4F67B1C}"/>
          </ac:picMkLst>
        </pc:picChg>
      </pc:sldChg>
      <pc:sldChg chg="modSp add mod ord">
        <pc:chgData name="Kanika Agarwal" userId="03cbc23c4c215ab8" providerId="LiveId" clId="{B411AAE3-1AC9-4531-8945-4F518465D9EA}" dt="2025-01-27T07:17:47.944" v="4527" actId="20577"/>
        <pc:sldMkLst>
          <pc:docMk/>
          <pc:sldMk cId="280031578" sldId="305"/>
        </pc:sldMkLst>
        <pc:spChg chg="mod">
          <ac:chgData name="Kanika Agarwal" userId="03cbc23c4c215ab8" providerId="LiveId" clId="{B411AAE3-1AC9-4531-8945-4F518465D9EA}" dt="2025-01-27T07:17:47.944" v="4527" actId="20577"/>
          <ac:spMkLst>
            <pc:docMk/>
            <pc:sldMk cId="280031578" sldId="305"/>
            <ac:spMk id="7" creationId="{8D702078-536A-B479-0E74-064D5333D151}"/>
          </ac:spMkLst>
        </pc:spChg>
      </pc:sldChg>
      <pc:sldChg chg="addSp delSp modSp add mod">
        <pc:chgData name="Kanika Agarwal" userId="03cbc23c4c215ab8" providerId="LiveId" clId="{B411AAE3-1AC9-4531-8945-4F518465D9EA}" dt="2025-01-27T07:24:46.982" v="4581" actId="1035"/>
        <pc:sldMkLst>
          <pc:docMk/>
          <pc:sldMk cId="97318169" sldId="306"/>
        </pc:sldMkLst>
        <pc:spChg chg="add mod">
          <ac:chgData name="Kanika Agarwal" userId="03cbc23c4c215ab8" providerId="LiveId" clId="{B411AAE3-1AC9-4531-8945-4F518465D9EA}" dt="2025-01-27T07:24:46.982" v="4581" actId="1035"/>
          <ac:spMkLst>
            <pc:docMk/>
            <pc:sldMk cId="97318169" sldId="306"/>
            <ac:spMk id="2" creationId="{E152A2F8-1904-8AE0-45E7-D4B2BC240A2E}"/>
          </ac:spMkLst>
        </pc:spChg>
        <pc:spChg chg="mod">
          <ac:chgData name="Kanika Agarwal" userId="03cbc23c4c215ab8" providerId="LiveId" clId="{B411AAE3-1AC9-4531-8945-4F518465D9EA}" dt="2025-01-27T07:19:52.971" v="4559" actId="20577"/>
          <ac:spMkLst>
            <pc:docMk/>
            <pc:sldMk cId="97318169" sldId="306"/>
            <ac:spMk id="6" creationId="{0836E3BE-F1FA-E0C8-19FA-C8FA61A547F3}"/>
          </ac:spMkLst>
        </pc:spChg>
        <pc:picChg chg="add mod">
          <ac:chgData name="Kanika Agarwal" userId="03cbc23c4c215ab8" providerId="LiveId" clId="{B411AAE3-1AC9-4531-8945-4F518465D9EA}" dt="2025-01-27T07:20:25.014" v="4562" actId="1076"/>
          <ac:picMkLst>
            <pc:docMk/>
            <pc:sldMk cId="97318169" sldId="306"/>
            <ac:picMk id="5" creationId="{A58DCED7-428E-B48E-996C-D3E9F41C7A55}"/>
          </ac:picMkLst>
        </pc:picChg>
        <pc:picChg chg="del">
          <ac:chgData name="Kanika Agarwal" userId="03cbc23c4c215ab8" providerId="LiveId" clId="{B411AAE3-1AC9-4531-8945-4F518465D9EA}" dt="2025-01-27T07:19:02.810" v="4536" actId="478"/>
          <ac:picMkLst>
            <pc:docMk/>
            <pc:sldMk cId="97318169" sldId="306"/>
            <ac:picMk id="4098" creationId="{0CB3265D-C9A7-4CEF-CD47-1F4917402634}"/>
          </ac:picMkLst>
        </pc:picChg>
        <pc:picChg chg="del">
          <ac:chgData name="Kanika Agarwal" userId="03cbc23c4c215ab8" providerId="LiveId" clId="{B411AAE3-1AC9-4531-8945-4F518465D9EA}" dt="2025-01-27T07:18:58.589" v="4534" actId="478"/>
          <ac:picMkLst>
            <pc:docMk/>
            <pc:sldMk cId="97318169" sldId="306"/>
            <ac:picMk id="10242" creationId="{89397602-BBAE-9317-29AC-FA1FF1C10989}"/>
          </ac:picMkLst>
        </pc:picChg>
        <pc:picChg chg="del">
          <ac:chgData name="Kanika Agarwal" userId="03cbc23c4c215ab8" providerId="LiveId" clId="{B411AAE3-1AC9-4531-8945-4F518465D9EA}" dt="2025-01-27T07:19:00.762" v="4535" actId="478"/>
          <ac:picMkLst>
            <pc:docMk/>
            <pc:sldMk cId="97318169" sldId="306"/>
            <ac:picMk id="10244" creationId="{3E9ED54D-CA66-16E5-FBFA-CD68BA50CE79}"/>
          </ac:picMkLst>
        </pc:picChg>
      </pc:sldChg>
      <pc:sldChg chg="add del">
        <pc:chgData name="Kanika Agarwal" userId="03cbc23c4c215ab8" providerId="LiveId" clId="{B411AAE3-1AC9-4531-8945-4F518465D9EA}" dt="2025-01-27T07:18:43.331" v="4529" actId="47"/>
        <pc:sldMkLst>
          <pc:docMk/>
          <pc:sldMk cId="1376937976" sldId="306"/>
        </pc:sldMkLst>
      </pc:sldChg>
      <pc:sldChg chg="addSp delSp modSp new mod">
        <pc:chgData name="Kanika Agarwal" userId="03cbc23c4c215ab8" providerId="LiveId" clId="{B411AAE3-1AC9-4531-8945-4F518465D9EA}" dt="2025-01-27T08:29:22.968" v="6075" actId="14100"/>
        <pc:sldMkLst>
          <pc:docMk/>
          <pc:sldMk cId="1415918905" sldId="307"/>
        </pc:sldMkLst>
        <pc:spChg chg="mod">
          <ac:chgData name="Kanika Agarwal" userId="03cbc23c4c215ab8" providerId="LiveId" clId="{B411AAE3-1AC9-4531-8945-4F518465D9EA}" dt="2025-01-27T08:26:54.723" v="6058" actId="20577"/>
          <ac:spMkLst>
            <pc:docMk/>
            <pc:sldMk cId="1415918905" sldId="307"/>
            <ac:spMk id="2" creationId="{F4B83A9F-418A-86B2-15EA-363CAC9901C9}"/>
          </ac:spMkLst>
        </pc:spChg>
        <pc:spChg chg="del">
          <ac:chgData name="Kanika Agarwal" userId="03cbc23c4c215ab8" providerId="LiveId" clId="{B411AAE3-1AC9-4531-8945-4F518465D9EA}" dt="2025-01-27T08:25:22.333" v="5972"/>
          <ac:spMkLst>
            <pc:docMk/>
            <pc:sldMk cId="1415918905" sldId="307"/>
            <ac:spMk id="3" creationId="{7F8E7D30-867D-538C-8F81-F40D713C12CD}"/>
          </ac:spMkLst>
        </pc:spChg>
        <pc:spChg chg="del">
          <ac:chgData name="Kanika Agarwal" userId="03cbc23c4c215ab8" providerId="LiveId" clId="{B411AAE3-1AC9-4531-8945-4F518465D9EA}" dt="2025-01-27T08:25:30.289" v="5975" actId="478"/>
          <ac:spMkLst>
            <pc:docMk/>
            <pc:sldMk cId="1415918905" sldId="307"/>
            <ac:spMk id="4" creationId="{E8D7D35A-F866-9C99-9CEA-68D7DC82C7BE}"/>
          </ac:spMkLst>
        </pc:spChg>
        <pc:spChg chg="add del mod">
          <ac:chgData name="Kanika Agarwal" userId="03cbc23c4c215ab8" providerId="LiveId" clId="{B411AAE3-1AC9-4531-8945-4F518465D9EA}" dt="2025-01-27T08:28:58.515" v="6063" actId="478"/>
          <ac:spMkLst>
            <pc:docMk/>
            <pc:sldMk cId="1415918905" sldId="307"/>
            <ac:spMk id="6" creationId="{58A58003-2BA6-7FF4-A740-6FCEE6409551}"/>
          </ac:spMkLst>
        </pc:spChg>
        <pc:picChg chg="add del mod">
          <ac:chgData name="Kanika Agarwal" userId="03cbc23c4c215ab8" providerId="LiveId" clId="{B411AAE3-1AC9-4531-8945-4F518465D9EA}" dt="2025-01-27T08:28:52.557" v="6061" actId="478"/>
          <ac:picMkLst>
            <pc:docMk/>
            <pc:sldMk cId="1415918905" sldId="307"/>
            <ac:picMk id="5" creationId="{030CCB92-3E0D-42A1-E0E2-FF5037B09020}"/>
          </ac:picMkLst>
        </pc:picChg>
        <pc:picChg chg="add mod">
          <ac:chgData name="Kanika Agarwal" userId="03cbc23c4c215ab8" providerId="LiveId" clId="{B411AAE3-1AC9-4531-8945-4F518465D9EA}" dt="2025-01-27T08:29:22.968" v="6075" actId="14100"/>
          <ac:picMkLst>
            <pc:docMk/>
            <pc:sldMk cId="1415918905" sldId="307"/>
            <ac:picMk id="7170" creationId="{2BAD0857-38B2-7C58-F70D-8545EFBE1720}"/>
          </ac:picMkLst>
        </pc:picChg>
      </pc:sldChg>
      <pc:sldChg chg="addSp delSp modSp add mod">
        <pc:chgData name="Kanika Agarwal" userId="03cbc23c4c215ab8" providerId="LiveId" clId="{B411AAE3-1AC9-4531-8945-4F518465D9EA}" dt="2025-01-27T08:30:59.757" v="6116" actId="20577"/>
        <pc:sldMkLst>
          <pc:docMk/>
          <pc:sldMk cId="981043973" sldId="308"/>
        </pc:sldMkLst>
        <pc:spChg chg="mod">
          <ac:chgData name="Kanika Agarwal" userId="03cbc23c4c215ab8" providerId="LiveId" clId="{B411AAE3-1AC9-4531-8945-4F518465D9EA}" dt="2025-01-27T08:30:59.757" v="6116" actId="20577"/>
          <ac:spMkLst>
            <pc:docMk/>
            <pc:sldMk cId="981043973" sldId="308"/>
            <ac:spMk id="2" creationId="{FB876713-5AF1-281E-1E0A-6BDC093AAF03}"/>
          </ac:spMkLst>
        </pc:spChg>
        <pc:picChg chg="del">
          <ac:chgData name="Kanika Agarwal" userId="03cbc23c4c215ab8" providerId="LiveId" clId="{B411AAE3-1AC9-4531-8945-4F518465D9EA}" dt="2025-01-27T08:30:27.443" v="6079" actId="478"/>
          <ac:picMkLst>
            <pc:docMk/>
            <pc:sldMk cId="981043973" sldId="308"/>
            <ac:picMk id="7170" creationId="{8666B8C2-A6C0-1BB9-FF38-6D71848A2663}"/>
          </ac:picMkLst>
        </pc:picChg>
        <pc:picChg chg="add mod">
          <ac:chgData name="Kanika Agarwal" userId="03cbc23c4c215ab8" providerId="LiveId" clId="{B411AAE3-1AC9-4531-8945-4F518465D9EA}" dt="2025-01-27T08:30:44.186" v="6088" actId="1036"/>
          <ac:picMkLst>
            <pc:docMk/>
            <pc:sldMk cId="981043973" sldId="308"/>
            <ac:picMk id="8194" creationId="{AC41F23F-8E67-0B9A-2AD8-3BCE43077447}"/>
          </ac:picMkLst>
        </pc:picChg>
      </pc:sldChg>
      <pc:sldChg chg="addSp delSp modSp add mod">
        <pc:chgData name="Kanika Agarwal" userId="03cbc23c4c215ab8" providerId="LiveId" clId="{B411AAE3-1AC9-4531-8945-4F518465D9EA}" dt="2025-01-27T08:32:22.758" v="6160" actId="20577"/>
        <pc:sldMkLst>
          <pc:docMk/>
          <pc:sldMk cId="1263063802" sldId="309"/>
        </pc:sldMkLst>
        <pc:spChg chg="mod">
          <ac:chgData name="Kanika Agarwal" userId="03cbc23c4c215ab8" providerId="LiveId" clId="{B411AAE3-1AC9-4531-8945-4F518465D9EA}" dt="2025-01-27T08:32:22.758" v="6160" actId="20577"/>
          <ac:spMkLst>
            <pc:docMk/>
            <pc:sldMk cId="1263063802" sldId="309"/>
            <ac:spMk id="2" creationId="{26AF487B-8832-A3AF-5DD2-C09DDC6040A3}"/>
          </ac:spMkLst>
        </pc:spChg>
        <pc:picChg chg="del">
          <ac:chgData name="Kanika Agarwal" userId="03cbc23c4c215ab8" providerId="LiveId" clId="{B411AAE3-1AC9-4531-8945-4F518465D9EA}" dt="2025-01-27T08:31:26.759" v="6121" actId="478"/>
          <ac:picMkLst>
            <pc:docMk/>
            <pc:sldMk cId="1263063802" sldId="309"/>
            <ac:picMk id="8194" creationId="{77C6A935-E4E7-D8AC-26E5-B68ABEB7573E}"/>
          </ac:picMkLst>
        </pc:picChg>
        <pc:picChg chg="add mod">
          <ac:chgData name="Kanika Agarwal" userId="03cbc23c4c215ab8" providerId="LiveId" clId="{B411AAE3-1AC9-4531-8945-4F518465D9EA}" dt="2025-01-27T08:31:47" v="6139" actId="1038"/>
          <ac:picMkLst>
            <pc:docMk/>
            <pc:sldMk cId="1263063802" sldId="309"/>
            <ac:picMk id="9218" creationId="{4C4499F6-1CF0-FD13-3740-5B67128435F1}"/>
          </ac:picMkLst>
        </pc:picChg>
      </pc:sldChg>
      <pc:sldChg chg="addSp delSp modSp add mod">
        <pc:chgData name="Kanika Agarwal" userId="03cbc23c4c215ab8" providerId="LiveId" clId="{B411AAE3-1AC9-4531-8945-4F518465D9EA}" dt="2025-01-27T09:47:01.118" v="6303" actId="20577"/>
        <pc:sldMkLst>
          <pc:docMk/>
          <pc:sldMk cId="78558442" sldId="310"/>
        </pc:sldMkLst>
        <pc:spChg chg="mod">
          <ac:chgData name="Kanika Agarwal" userId="03cbc23c4c215ab8" providerId="LiveId" clId="{B411AAE3-1AC9-4531-8945-4F518465D9EA}" dt="2025-01-27T09:47:01.118" v="6303" actId="20577"/>
          <ac:spMkLst>
            <pc:docMk/>
            <pc:sldMk cId="78558442" sldId="310"/>
            <ac:spMk id="2" creationId="{9FE190E8-6CB2-A09D-77AE-9A3DC10D6469}"/>
          </ac:spMkLst>
        </pc:spChg>
        <pc:picChg chg="add mod">
          <ac:chgData name="Kanika Agarwal" userId="03cbc23c4c215ab8" providerId="LiveId" clId="{B411AAE3-1AC9-4531-8945-4F518465D9EA}" dt="2025-01-27T09:45:11.099" v="6288" actId="1035"/>
          <ac:picMkLst>
            <pc:docMk/>
            <pc:sldMk cId="78558442" sldId="310"/>
            <ac:picMk id="12" creationId="{6A9593E4-BFF7-417C-A9A8-6E9AFD3EC9C6}"/>
          </ac:picMkLst>
        </pc:picChg>
        <pc:picChg chg="del">
          <ac:chgData name="Kanika Agarwal" userId="03cbc23c4c215ab8" providerId="LiveId" clId="{B411AAE3-1AC9-4531-8945-4F518465D9EA}" dt="2025-01-27T09:44:44.997" v="6276" actId="478"/>
          <ac:picMkLst>
            <pc:docMk/>
            <pc:sldMk cId="78558442" sldId="310"/>
            <ac:picMk id="10242" creationId="{D85602B5-3E9F-4047-6262-E0CA6DD881E5}"/>
          </ac:picMkLst>
        </pc:picChg>
      </pc:sldChg>
      <pc:sldChg chg="add del">
        <pc:chgData name="Kanika Agarwal" userId="03cbc23c4c215ab8" providerId="LiveId" clId="{B411AAE3-1AC9-4531-8945-4F518465D9EA}" dt="2025-01-27T09:43:12.975" v="6237" actId="47"/>
        <pc:sldMkLst>
          <pc:docMk/>
          <pc:sldMk cId="3867278621" sldId="310"/>
        </pc:sldMkLst>
      </pc:sldChg>
      <pc:sldChg chg="addSp delSp modSp add mod">
        <pc:chgData name="Kanika Agarwal" userId="03cbc23c4c215ab8" providerId="LiveId" clId="{B411AAE3-1AC9-4531-8945-4F518465D9EA}" dt="2025-01-27T10:13:01.568" v="6400" actId="20577"/>
        <pc:sldMkLst>
          <pc:docMk/>
          <pc:sldMk cId="3844001822" sldId="311"/>
        </pc:sldMkLst>
        <pc:spChg chg="mod">
          <ac:chgData name="Kanika Agarwal" userId="03cbc23c4c215ab8" providerId="LiveId" clId="{B411AAE3-1AC9-4531-8945-4F518465D9EA}" dt="2025-01-27T10:13:01.568" v="6400" actId="20577"/>
          <ac:spMkLst>
            <pc:docMk/>
            <pc:sldMk cId="3844001822" sldId="311"/>
            <ac:spMk id="2" creationId="{8920598B-4AD9-DC79-A36D-44FDB7AF2CEA}"/>
          </ac:spMkLst>
        </pc:spChg>
        <pc:picChg chg="add mod">
          <ac:chgData name="Kanika Agarwal" userId="03cbc23c4c215ab8" providerId="LiveId" clId="{B411AAE3-1AC9-4531-8945-4F518465D9EA}" dt="2025-01-27T09:49:32.811" v="6346" actId="14100"/>
          <ac:picMkLst>
            <pc:docMk/>
            <pc:sldMk cId="3844001822" sldId="311"/>
            <ac:picMk id="4" creationId="{E58FED9A-BB2B-2C3A-A509-689933367090}"/>
          </ac:picMkLst>
        </pc:picChg>
        <pc:picChg chg="del">
          <ac:chgData name="Kanika Agarwal" userId="03cbc23c4c215ab8" providerId="LiveId" clId="{B411AAE3-1AC9-4531-8945-4F518465D9EA}" dt="2025-01-27T09:49:04.709" v="6337" actId="478"/>
          <ac:picMkLst>
            <pc:docMk/>
            <pc:sldMk cId="3844001822" sldId="311"/>
            <ac:picMk id="12" creationId="{872059D7-67E7-58B1-997E-82D1E0B30643}"/>
          </ac:picMkLst>
        </pc:picChg>
      </pc:sldChg>
      <pc:sldChg chg="addSp delSp modSp add mod ord">
        <pc:chgData name="Kanika Agarwal" userId="03cbc23c4c215ab8" providerId="LiveId" clId="{B411AAE3-1AC9-4531-8945-4F518465D9EA}" dt="2025-01-27T15:02:33.450" v="8074" actId="20577"/>
        <pc:sldMkLst>
          <pc:docMk/>
          <pc:sldMk cId="2307966543" sldId="312"/>
        </pc:sldMkLst>
        <pc:spChg chg="mod">
          <ac:chgData name="Kanika Agarwal" userId="03cbc23c4c215ab8" providerId="LiveId" clId="{B411AAE3-1AC9-4531-8945-4F518465D9EA}" dt="2025-01-27T15:02:20.818" v="8064" actId="20577"/>
          <ac:spMkLst>
            <pc:docMk/>
            <pc:sldMk cId="2307966543" sldId="312"/>
            <ac:spMk id="3" creationId="{9B8E7A2F-D060-1F4B-70B2-5D46961AA1B4}"/>
          </ac:spMkLst>
        </pc:spChg>
        <pc:spChg chg="mod">
          <ac:chgData name="Kanika Agarwal" userId="03cbc23c4c215ab8" providerId="LiveId" clId="{B411AAE3-1AC9-4531-8945-4F518465D9EA}" dt="2025-01-27T15:02:16.099" v="8060" actId="20577"/>
          <ac:spMkLst>
            <pc:docMk/>
            <pc:sldMk cId="2307966543" sldId="312"/>
            <ac:spMk id="11" creationId="{624C83CC-D960-4C94-742C-6816FAE0EAE3}"/>
          </ac:spMkLst>
        </pc:spChg>
        <pc:spChg chg="mod">
          <ac:chgData name="Kanika Agarwal" userId="03cbc23c4c215ab8" providerId="LiveId" clId="{B411AAE3-1AC9-4531-8945-4F518465D9EA}" dt="2025-01-27T15:02:28.414" v="8070" actId="20577"/>
          <ac:spMkLst>
            <pc:docMk/>
            <pc:sldMk cId="2307966543" sldId="312"/>
            <ac:spMk id="13" creationId="{4D47C372-1E1D-F08C-BC99-9B0231944036}"/>
          </ac:spMkLst>
        </pc:spChg>
        <pc:spChg chg="mod">
          <ac:chgData name="Kanika Agarwal" userId="03cbc23c4c215ab8" providerId="LiveId" clId="{B411AAE3-1AC9-4531-8945-4F518465D9EA}" dt="2025-01-27T15:02:33.450" v="8074" actId="20577"/>
          <ac:spMkLst>
            <pc:docMk/>
            <pc:sldMk cId="2307966543" sldId="312"/>
            <ac:spMk id="14" creationId="{262B6174-73C4-B0C0-2011-7F5D2AEA0E2B}"/>
          </ac:spMkLst>
        </pc:spChg>
        <pc:spChg chg="mod">
          <ac:chgData name="Kanika Agarwal" userId="03cbc23c4c215ab8" providerId="LiveId" clId="{B411AAE3-1AC9-4531-8945-4F518465D9EA}" dt="2025-01-27T14:54:52.375" v="7999" actId="20577"/>
          <ac:spMkLst>
            <pc:docMk/>
            <pc:sldMk cId="2307966543" sldId="312"/>
            <ac:spMk id="19" creationId="{3496164E-A0DC-C263-4ED4-8BD14F0CC590}"/>
          </ac:spMkLst>
        </pc:spChg>
        <pc:spChg chg="mod">
          <ac:chgData name="Kanika Agarwal" userId="03cbc23c4c215ab8" providerId="LiveId" clId="{B411AAE3-1AC9-4531-8945-4F518465D9EA}" dt="2025-01-27T10:28:44.452" v="6529" actId="20577"/>
          <ac:spMkLst>
            <pc:docMk/>
            <pc:sldMk cId="2307966543" sldId="312"/>
            <ac:spMk id="20" creationId="{359FFA40-1C2D-75B7-901F-16885A3A611B}"/>
          </ac:spMkLst>
        </pc:spChg>
        <pc:spChg chg="add">
          <ac:chgData name="Kanika Agarwal" userId="03cbc23c4c215ab8" providerId="LiveId" clId="{B411AAE3-1AC9-4531-8945-4F518465D9EA}" dt="2025-01-27T10:46:30.576" v="6832"/>
          <ac:spMkLst>
            <pc:docMk/>
            <pc:sldMk cId="2307966543" sldId="312"/>
            <ac:spMk id="30" creationId="{ADA822BE-A941-38FB-0D47-1C24C2F42587}"/>
          </ac:spMkLst>
        </pc:spChg>
        <pc:spChg chg="add del mod">
          <ac:chgData name="Kanika Agarwal" userId="03cbc23c4c215ab8" providerId="LiveId" clId="{B411AAE3-1AC9-4531-8945-4F518465D9EA}" dt="2025-01-27T10:46:55.508" v="6836" actId="478"/>
          <ac:spMkLst>
            <pc:docMk/>
            <pc:sldMk cId="2307966543" sldId="312"/>
            <ac:spMk id="31" creationId="{21818309-A9A4-2CC0-B1F9-9265485563EA}"/>
          </ac:spMkLst>
        </pc:spChg>
        <pc:spChg chg="add del mod">
          <ac:chgData name="Kanika Agarwal" userId="03cbc23c4c215ab8" providerId="LiveId" clId="{B411AAE3-1AC9-4531-8945-4F518465D9EA}" dt="2025-01-27T10:55:40.433" v="6864"/>
          <ac:spMkLst>
            <pc:docMk/>
            <pc:sldMk cId="2307966543" sldId="312"/>
            <ac:spMk id="32" creationId="{5F4A7ED1-31F6-B5CA-9271-128D48432E21}"/>
          </ac:spMkLst>
        </pc:spChg>
        <pc:spChg chg="add del mod">
          <ac:chgData name="Kanika Agarwal" userId="03cbc23c4c215ab8" providerId="LiveId" clId="{B411AAE3-1AC9-4531-8945-4F518465D9EA}" dt="2025-01-27T10:57:15.980" v="6875"/>
          <ac:spMkLst>
            <pc:docMk/>
            <pc:sldMk cId="2307966543" sldId="312"/>
            <ac:spMk id="33" creationId="{3675197B-B349-9B50-7E1F-6DE0FE6C3850}"/>
          </ac:spMkLst>
        </pc:spChg>
        <pc:graphicFrameChg chg="add mod modGraphic">
          <ac:chgData name="Kanika Agarwal" userId="03cbc23c4c215ab8" providerId="LiveId" clId="{B411AAE3-1AC9-4531-8945-4F518465D9EA}" dt="2025-01-27T10:43:50.233" v="6818" actId="1036"/>
          <ac:graphicFrameMkLst>
            <pc:docMk/>
            <pc:sldMk cId="2307966543" sldId="312"/>
            <ac:graphicFrameMk id="15" creationId="{4A929430-F209-71FB-CDC0-7A6FB32B2E7C}"/>
          </ac:graphicFrameMkLst>
        </pc:graphicFrameChg>
        <pc:graphicFrameChg chg="add del">
          <ac:chgData name="Kanika Agarwal" userId="03cbc23c4c215ab8" providerId="LiveId" clId="{B411AAE3-1AC9-4531-8945-4F518465D9EA}" dt="2025-01-27T10:40:32.841" v="6761" actId="478"/>
          <ac:graphicFrameMkLst>
            <pc:docMk/>
            <pc:sldMk cId="2307966543" sldId="312"/>
            <ac:graphicFrameMk id="16" creationId="{F9436154-FF6F-8814-91F2-3137A16B0B00}"/>
          </ac:graphicFrameMkLst>
        </pc:graphicFrameChg>
        <pc:graphicFrameChg chg="del">
          <ac:chgData name="Kanika Agarwal" userId="03cbc23c4c215ab8" providerId="LiveId" clId="{B411AAE3-1AC9-4531-8945-4F518465D9EA}" dt="2025-01-27T10:40:34.959" v="6762" actId="478"/>
          <ac:graphicFrameMkLst>
            <pc:docMk/>
            <pc:sldMk cId="2307966543" sldId="312"/>
            <ac:graphicFrameMk id="18" creationId="{5B13D9F2-885D-B4B1-1FEF-64AA35A3CB8E}"/>
          </ac:graphicFrameMkLst>
        </pc:graphicFrameChg>
        <pc:graphicFrameChg chg="add mod modGraphic">
          <ac:chgData name="Kanika Agarwal" userId="03cbc23c4c215ab8" providerId="LiveId" clId="{B411AAE3-1AC9-4531-8945-4F518465D9EA}" dt="2025-01-27T10:44:16.399" v="6828" actId="1037"/>
          <ac:graphicFrameMkLst>
            <pc:docMk/>
            <pc:sldMk cId="2307966543" sldId="312"/>
            <ac:graphicFrameMk id="21" creationId="{9E155C90-D5E4-1D97-2B92-FA23E9674CD5}"/>
          </ac:graphicFrameMkLst>
        </pc:graphicFrameChg>
        <pc:graphicFrameChg chg="del">
          <ac:chgData name="Kanika Agarwal" userId="03cbc23c4c215ab8" providerId="LiveId" clId="{B411AAE3-1AC9-4531-8945-4F518465D9EA}" dt="2025-01-27T10:40:37.042" v="6763" actId="478"/>
          <ac:graphicFrameMkLst>
            <pc:docMk/>
            <pc:sldMk cId="2307966543" sldId="312"/>
            <ac:graphicFrameMk id="22" creationId="{05DE8A20-9879-D1B8-2B79-50BA5567E967}"/>
          </ac:graphicFrameMkLst>
        </pc:graphicFrameChg>
        <pc:graphicFrameChg chg="add mod modGraphic">
          <ac:chgData name="Kanika Agarwal" userId="03cbc23c4c215ab8" providerId="LiveId" clId="{B411AAE3-1AC9-4531-8945-4F518465D9EA}" dt="2025-01-27T10:44:34.397" v="6831" actId="1038"/>
          <ac:graphicFrameMkLst>
            <pc:docMk/>
            <pc:sldMk cId="2307966543" sldId="312"/>
            <ac:graphicFrameMk id="24" creationId="{28635631-D457-8237-74AA-33F8C6802D36}"/>
          </ac:graphicFrameMkLst>
        </pc:graphicFrameChg>
        <pc:graphicFrameChg chg="del">
          <ac:chgData name="Kanika Agarwal" userId="03cbc23c4c215ab8" providerId="LiveId" clId="{B411AAE3-1AC9-4531-8945-4F518465D9EA}" dt="2025-01-27T10:40:39.358" v="6764" actId="478"/>
          <ac:graphicFrameMkLst>
            <pc:docMk/>
            <pc:sldMk cId="2307966543" sldId="312"/>
            <ac:graphicFrameMk id="27" creationId="{AFE7C8BA-A9BE-BBAD-EFD8-C567F27FF3D2}"/>
          </ac:graphicFrameMkLst>
        </pc:graphicFrameChg>
        <pc:graphicFrameChg chg="add mod modGraphic">
          <ac:chgData name="Kanika Agarwal" userId="03cbc23c4c215ab8" providerId="LiveId" clId="{B411AAE3-1AC9-4531-8945-4F518465D9EA}" dt="2025-01-27T10:44:24.489" v="6829"/>
          <ac:graphicFrameMkLst>
            <pc:docMk/>
            <pc:sldMk cId="2307966543" sldId="312"/>
            <ac:graphicFrameMk id="29" creationId="{A2F25ECC-4EC8-6D72-EF86-55AD545F59C3}"/>
          </ac:graphicFrameMkLst>
        </pc:graphicFrameChg>
        <pc:picChg chg="add del mod">
          <ac:chgData name="Kanika Agarwal" userId="03cbc23c4c215ab8" providerId="LiveId" clId="{B411AAE3-1AC9-4531-8945-4F518465D9EA}" dt="2025-01-27T10:38:48.632" v="6700" actId="21"/>
          <ac:picMkLst>
            <pc:docMk/>
            <pc:sldMk cId="2307966543" sldId="312"/>
            <ac:picMk id="4" creationId="{6D3FF1D1-0583-B0C9-3335-4B68C2C7184B}"/>
          </ac:picMkLst>
        </pc:picChg>
        <pc:picChg chg="add del mod">
          <ac:chgData name="Kanika Agarwal" userId="03cbc23c4c215ab8" providerId="LiveId" clId="{B411AAE3-1AC9-4531-8945-4F518465D9EA}" dt="2025-01-27T10:37:51.432" v="6641" actId="21"/>
          <ac:picMkLst>
            <pc:docMk/>
            <pc:sldMk cId="2307966543" sldId="312"/>
            <ac:picMk id="6" creationId="{DAE6E512-CD79-E58D-39F5-1C570CA4178B}"/>
          </ac:picMkLst>
        </pc:picChg>
        <pc:picChg chg="add del mod">
          <ac:chgData name="Kanika Agarwal" userId="03cbc23c4c215ab8" providerId="LiveId" clId="{B411AAE3-1AC9-4531-8945-4F518465D9EA}" dt="2025-01-27T10:36:39.785" v="6608" actId="21"/>
          <ac:picMkLst>
            <pc:docMk/>
            <pc:sldMk cId="2307966543" sldId="312"/>
            <ac:picMk id="8" creationId="{BB90052B-5FC2-5A96-3FA7-3363E8EB3D3D}"/>
          </ac:picMkLst>
        </pc:picChg>
        <pc:picChg chg="add del mod">
          <ac:chgData name="Kanika Agarwal" userId="03cbc23c4c215ab8" providerId="LiveId" clId="{B411AAE3-1AC9-4531-8945-4F518465D9EA}" dt="2025-01-27T10:35:36.139" v="6554" actId="21"/>
          <ac:picMkLst>
            <pc:docMk/>
            <pc:sldMk cId="2307966543" sldId="312"/>
            <ac:picMk id="10" creationId="{BEBA1706-8D57-D9A8-1C00-B14D06158420}"/>
          </ac:picMkLst>
        </pc:picChg>
      </pc:sldChg>
      <pc:sldChg chg="addSp delSp modSp add mod">
        <pc:chgData name="Kanika Agarwal" userId="03cbc23c4c215ab8" providerId="LiveId" clId="{B411AAE3-1AC9-4531-8945-4F518465D9EA}" dt="2025-01-27T10:36:24.919" v="6607" actId="20577"/>
        <pc:sldMkLst>
          <pc:docMk/>
          <pc:sldMk cId="3043396597" sldId="313"/>
        </pc:sldMkLst>
        <pc:spChg chg="mod">
          <ac:chgData name="Kanika Agarwal" userId="03cbc23c4c215ab8" providerId="LiveId" clId="{B411AAE3-1AC9-4531-8945-4F518465D9EA}" dt="2025-01-27T10:36:24.919" v="6607" actId="20577"/>
          <ac:spMkLst>
            <pc:docMk/>
            <pc:sldMk cId="3043396597" sldId="313"/>
            <ac:spMk id="2" creationId="{88E6BA0B-CF2A-3BCC-A567-BD39F3A41DDA}"/>
          </ac:spMkLst>
        </pc:spChg>
        <pc:picChg chg="add mod">
          <ac:chgData name="Kanika Agarwal" userId="03cbc23c4c215ab8" providerId="LiveId" clId="{B411AAE3-1AC9-4531-8945-4F518465D9EA}" dt="2025-01-27T10:35:56.204" v="6559" actId="14100"/>
          <ac:picMkLst>
            <pc:docMk/>
            <pc:sldMk cId="3043396597" sldId="313"/>
            <ac:picMk id="10" creationId="{BEBA1706-8D57-D9A8-1C00-B14D06158420}"/>
          </ac:picMkLst>
        </pc:picChg>
        <pc:picChg chg="del">
          <ac:chgData name="Kanika Agarwal" userId="03cbc23c4c215ab8" providerId="LiveId" clId="{B411AAE3-1AC9-4531-8945-4F518465D9EA}" dt="2025-01-27T10:35:22.356" v="6553" actId="478"/>
          <ac:picMkLst>
            <pc:docMk/>
            <pc:sldMk cId="3043396597" sldId="313"/>
            <ac:picMk id="9218" creationId="{70D116E9-190D-3A66-7F67-367C41D3626B}"/>
          </ac:picMkLst>
        </pc:picChg>
      </pc:sldChg>
      <pc:sldChg chg="addSp delSp modSp add mod">
        <pc:chgData name="Kanika Agarwal" userId="03cbc23c4c215ab8" providerId="LiveId" clId="{B411AAE3-1AC9-4531-8945-4F518465D9EA}" dt="2025-01-27T10:37:32.070" v="6640" actId="20577"/>
        <pc:sldMkLst>
          <pc:docMk/>
          <pc:sldMk cId="3380554423" sldId="314"/>
        </pc:sldMkLst>
        <pc:spChg chg="mod">
          <ac:chgData name="Kanika Agarwal" userId="03cbc23c4c215ab8" providerId="LiveId" clId="{B411AAE3-1AC9-4531-8945-4F518465D9EA}" dt="2025-01-27T10:37:32.070" v="6640" actId="20577"/>
          <ac:spMkLst>
            <pc:docMk/>
            <pc:sldMk cId="3380554423" sldId="314"/>
            <ac:spMk id="2" creationId="{6B04F2B2-70D1-AC24-F6CA-C8C8BFF434AA}"/>
          </ac:spMkLst>
        </pc:spChg>
        <pc:picChg chg="add mod">
          <ac:chgData name="Kanika Agarwal" userId="03cbc23c4c215ab8" providerId="LiveId" clId="{B411AAE3-1AC9-4531-8945-4F518465D9EA}" dt="2025-01-27T10:37:18.600" v="6620" actId="14100"/>
          <ac:picMkLst>
            <pc:docMk/>
            <pc:sldMk cId="3380554423" sldId="314"/>
            <ac:picMk id="8" creationId="{BB90052B-5FC2-5A96-3FA7-3363E8EB3D3D}"/>
          </ac:picMkLst>
        </pc:picChg>
        <pc:picChg chg="del">
          <ac:chgData name="Kanika Agarwal" userId="03cbc23c4c215ab8" providerId="LiveId" clId="{B411AAE3-1AC9-4531-8945-4F518465D9EA}" dt="2025-01-27T10:36:55.218" v="6610" actId="478"/>
          <ac:picMkLst>
            <pc:docMk/>
            <pc:sldMk cId="3380554423" sldId="314"/>
            <ac:picMk id="10" creationId="{4CCF19C5-B702-F482-F243-A42CF487C650}"/>
          </ac:picMkLst>
        </pc:picChg>
      </pc:sldChg>
      <pc:sldChg chg="addSp delSp modSp add mod">
        <pc:chgData name="Kanika Agarwal" userId="03cbc23c4c215ab8" providerId="LiveId" clId="{B411AAE3-1AC9-4531-8945-4F518465D9EA}" dt="2025-01-27T10:38:35.664" v="6699" actId="20577"/>
        <pc:sldMkLst>
          <pc:docMk/>
          <pc:sldMk cId="2779290301" sldId="315"/>
        </pc:sldMkLst>
        <pc:spChg chg="mod">
          <ac:chgData name="Kanika Agarwal" userId="03cbc23c4c215ab8" providerId="LiveId" clId="{B411AAE3-1AC9-4531-8945-4F518465D9EA}" dt="2025-01-27T10:38:35.664" v="6699" actId="20577"/>
          <ac:spMkLst>
            <pc:docMk/>
            <pc:sldMk cId="2779290301" sldId="315"/>
            <ac:spMk id="2" creationId="{0E6C5CD6-D3BB-BA3D-FDA2-8DE858F9E8F2}"/>
          </ac:spMkLst>
        </pc:spChg>
        <pc:picChg chg="add mod">
          <ac:chgData name="Kanika Agarwal" userId="03cbc23c4c215ab8" providerId="LiveId" clId="{B411AAE3-1AC9-4531-8945-4F518465D9EA}" dt="2025-01-27T10:38:23.581" v="6684" actId="14100"/>
          <ac:picMkLst>
            <pc:docMk/>
            <pc:sldMk cId="2779290301" sldId="315"/>
            <ac:picMk id="6" creationId="{DAE6E512-CD79-E58D-39F5-1C570CA4178B}"/>
          </ac:picMkLst>
        </pc:picChg>
        <pc:picChg chg="del">
          <ac:chgData name="Kanika Agarwal" userId="03cbc23c4c215ab8" providerId="LiveId" clId="{B411AAE3-1AC9-4531-8945-4F518465D9EA}" dt="2025-01-27T10:37:59.849" v="6643" actId="478"/>
          <ac:picMkLst>
            <pc:docMk/>
            <pc:sldMk cId="2779290301" sldId="315"/>
            <ac:picMk id="8" creationId="{E28621F9-B79C-62CE-F344-05168247F613}"/>
          </ac:picMkLst>
        </pc:picChg>
      </pc:sldChg>
      <pc:sldChg chg="addSp delSp modSp add mod">
        <pc:chgData name="Kanika Agarwal" userId="03cbc23c4c215ab8" providerId="LiveId" clId="{B411AAE3-1AC9-4531-8945-4F518465D9EA}" dt="2025-01-27T10:40:25.326" v="6760" actId="20577"/>
        <pc:sldMkLst>
          <pc:docMk/>
          <pc:sldMk cId="2141718395" sldId="316"/>
        </pc:sldMkLst>
        <pc:spChg chg="mod">
          <ac:chgData name="Kanika Agarwal" userId="03cbc23c4c215ab8" providerId="LiveId" clId="{B411AAE3-1AC9-4531-8945-4F518465D9EA}" dt="2025-01-27T10:40:25.326" v="6760" actId="20577"/>
          <ac:spMkLst>
            <pc:docMk/>
            <pc:sldMk cId="2141718395" sldId="316"/>
            <ac:spMk id="2" creationId="{C7FF5579-C77E-48A3-1FD4-D1250DA758F1}"/>
          </ac:spMkLst>
        </pc:spChg>
        <pc:picChg chg="add mod">
          <ac:chgData name="Kanika Agarwal" userId="03cbc23c4c215ab8" providerId="LiveId" clId="{B411AAE3-1AC9-4531-8945-4F518465D9EA}" dt="2025-01-27T10:39:24.361" v="6740" actId="14100"/>
          <ac:picMkLst>
            <pc:docMk/>
            <pc:sldMk cId="2141718395" sldId="316"/>
            <ac:picMk id="4" creationId="{6D3FF1D1-0583-B0C9-3335-4B68C2C7184B}"/>
          </ac:picMkLst>
        </pc:picChg>
        <pc:picChg chg="del">
          <ac:chgData name="Kanika Agarwal" userId="03cbc23c4c215ab8" providerId="LiveId" clId="{B411AAE3-1AC9-4531-8945-4F518465D9EA}" dt="2025-01-27T10:38:57.029" v="6702" actId="478"/>
          <ac:picMkLst>
            <pc:docMk/>
            <pc:sldMk cId="2141718395" sldId="316"/>
            <ac:picMk id="6" creationId="{CB6C00E5-DEDE-32F2-4402-3451531F8600}"/>
          </ac:picMkLst>
        </pc:pic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3636EFC4-7EEB-4A07-8776-127710F61201}" type="datetimeFigureOut">
              <a:rPr lang="en-US" smtClean="0"/>
              <a:t>1/27/2025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EF80429F-8BC2-4A5C-9449-46447D4E71A6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1720233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35306444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3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18184655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A418051-A2C1-5D78-5DC4-1FD08FE4D29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7704DCA8-79E0-90F5-17DA-12EF8D35EAF7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13C5AE0B-91A6-A5A9-95CA-153A15D0AE57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0810998-2356-9A43-8FD2-76D87455C935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4518668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DDC1C1F-B125-F6D3-43FF-7B7AC5113B0F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32C41D08-602E-0A17-3E98-825320F8D8BF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A21F0FB7-ADD8-F0B8-3681-3A21E5E1A0BA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2B8B518B-9E8D-DB16-7DB3-CC2D4D0D915C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36894727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A1343141-400C-2426-D403-37B06DD048B6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3E4A31C7-BD3F-9E30-FC27-F7E1EF11C8AE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C558F5FC-9F08-B224-D1D3-95FFFA9C8B9C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B4D00FB0-52D4-ED60-1FDD-A7619094516D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61911862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D929412-8357-36F2-D1B5-BE5E7686A94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8D97E678-80F9-67B7-5FEF-7DD86BC47287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15687E66-C7E1-37EB-A71F-3393C0650911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CA0AE75-801D-062F-2A2E-ECAE14B6B11B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1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07293584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98C4E816-5CFA-0D04-AD3C-7CAB00E86D0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A1EA580A-45B3-091A-5A87-424B944B8494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6DB4FD6A-4B0B-AEE5-7106-868CE910CD29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AFE61266-2476-B013-DC49-0486A08C613C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1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10589732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754E681-33CF-D8EE-1B50-0D1771B884EF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FBBB4D8A-61FE-45B3-3294-E302C6CB518F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C9642EDE-C95D-CF2E-AECA-B3717BB273D3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A64F1508-7468-1308-6A69-41BD8CC42A7A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1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82898872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C3D96E3-499A-7FB0-9462-5CBAD98A9C6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C28B5A33-D978-03B0-FBC9-B04C37930B74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15F8C904-F9A5-4A77-3D3E-0173BC7830CE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E1F7E04E-1F31-EDDD-DA94-87AA4BB8CAF9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1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67676254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A79DE400-DD33-3942-6D16-78EF836F724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77CE17A5-000B-BA70-526D-895094149E53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9C290D14-057B-59F4-1834-C2096BD28A2A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452C3F10-8E5E-7096-8F21-AC0C827080E6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F80429F-8BC2-4A5C-9449-46447D4E71A6}" type="slidenum">
              <a:rPr lang="en-US" smtClean="0"/>
              <a:t>2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3490163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694944" y="3306556"/>
            <a:ext cx="13249656" cy="369332"/>
          </a:xfrm>
        </p:spPr>
        <p:txBody>
          <a:bodyPr vert="horz" wrap="square" lIns="0" tIns="0" rIns="0" bIns="0" anchor="b">
            <a:spAutoFit/>
          </a:bodyPr>
          <a:lstStyle>
            <a:lvl1pPr algn="l"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694944" y="923544"/>
            <a:ext cx="13249656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694944" y="3922776"/>
            <a:ext cx="4379976" cy="384048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694944" y="6199632"/>
            <a:ext cx="5989320" cy="969264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694944" y="7232904"/>
            <a:ext cx="13249656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3502152" y="676656"/>
            <a:ext cx="10442448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mplitudeTF" panose="02000506050000020004" pitchFamily="50" charset="0"/>
            </a:endParaRPr>
          </a:p>
        </p:txBody>
      </p:sp>
      <p:sp>
        <p:nvSpPr>
          <p:cNvPr id="9" name="Confidential"/>
          <p:cNvSpPr txBox="1"/>
          <p:nvPr userDrawn="1"/>
        </p:nvSpPr>
        <p:spPr>
          <a:xfrm>
            <a:off x="694944" y="7448897"/>
            <a:ext cx="10442448" cy="217239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mplitudeTF" panose="02000506050000020004" pitchFamily="50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385816" y="3922776"/>
            <a:ext cx="4379976" cy="384048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205218370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717536" y="2231136"/>
            <a:ext cx="6227064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4922856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717536" y="2231136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17536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30758064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13249656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1324965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5296774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13249656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717536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71408527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717536" y="2231136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94944" y="4892040"/>
            <a:ext cx="1324965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090236476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694944" y="1408176"/>
            <a:ext cx="13249656" cy="384048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34317073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103191618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694944" y="2807208"/>
            <a:ext cx="13249656" cy="164592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694944" y="923544"/>
            <a:ext cx="13249656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694944" y="4599432"/>
            <a:ext cx="13249656" cy="438912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694944" y="7214616"/>
            <a:ext cx="13249656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"/>
          <p:cNvSpPr txBox="1"/>
          <p:nvPr userDrawn="1"/>
        </p:nvSpPr>
        <p:spPr>
          <a:xfrm>
            <a:off x="3502152" y="7430608"/>
            <a:ext cx="10442448" cy="217239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7150608" y="7532992"/>
            <a:ext cx="3291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EB6E7F67-F5E7-42E3-B2F2-02C46D838B4A}"/>
              </a:ext>
            </a:extLst>
          </p:cNvPr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10632094" y="7443216"/>
            <a:ext cx="3303362" cy="222199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5503441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694944" y="484632"/>
            <a:ext cx="13249656" cy="72237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1800" b="0" i="0" dirty="0">
                <a:solidFill>
                  <a:schemeClr val="tx2"/>
                </a:solidFill>
                <a:latin typeface="AmplitudeTF" panose="02000506050000020004" pitchFamily="50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13614446" y="1773936"/>
            <a:ext cx="330155" cy="297389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1300" b="0" i="0" dirty="0">
                <a:solidFill>
                  <a:schemeClr val="tx2"/>
                </a:solidFill>
                <a:latin typeface="AmplitudeTF" panose="02000506050000020004" pitchFamily="50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667512" y="2157984"/>
            <a:ext cx="13249656" cy="5321808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1705890376"/>
      </p:ext>
    </p:extLst>
  </p:cSld>
  <p:clrMapOvr>
    <a:masterClrMapping/>
  </p:clrMapOvr>
  <p:hf sldNum="0" hdr="0" ft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694944" y="1911096"/>
            <a:ext cx="13249656" cy="5321808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2743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 marL="173736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 marL="338328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 marL="50292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02893150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694944" y="4215384"/>
            <a:ext cx="13249656" cy="1453896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694944" y="923544"/>
            <a:ext cx="13249656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694944" y="5760720"/>
            <a:ext cx="4379976" cy="384048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694944" y="7232904"/>
            <a:ext cx="13249656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694944" y="6199632"/>
            <a:ext cx="5989320" cy="969264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694944" y="7448897"/>
            <a:ext cx="10442448" cy="217239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704088" y="5760720"/>
            <a:ext cx="4379976" cy="384048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694944" y="1691640"/>
            <a:ext cx="13249656" cy="251460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1045867610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4151376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239512" y="2231136"/>
            <a:ext cx="4151376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9793224" y="2231136"/>
            <a:ext cx="4151376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565573904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029968"/>
            <a:ext cx="13249656" cy="1380744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3803904"/>
            <a:ext cx="13249656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94944" y="5586984"/>
            <a:ext cx="13249656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2602224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029968"/>
            <a:ext cx="6227064" cy="1380744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694944" y="380390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94944" y="558698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17536" y="2029968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717536" y="380390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717536" y="558698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8434012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4151376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239512" y="2231136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9793224" y="2231136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694944" y="4892040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239512" y="4892040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9793224" y="4892040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78069883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3108960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069080" y="2231136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452360" y="2231136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10826496" y="2231136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694944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4069080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7452360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10826496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74417579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694944" y="1408176"/>
            <a:ext cx="13249656" cy="384048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694944" y="2231136"/>
            <a:ext cx="3191256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4526280" y="2231136"/>
            <a:ext cx="9418320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4206240" y="2231136"/>
            <a:ext cx="0" cy="4745736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91115363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4630400" cy="8229600"/>
          </a:xfrm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871216"/>
            <a:ext cx="13085065" cy="1188720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6099048"/>
            <a:ext cx="14639544" cy="1124712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66344" y="3502152"/>
            <a:ext cx="12609576" cy="384048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466344" y="3099816"/>
            <a:ext cx="12609576" cy="420624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321477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329184" y="274320"/>
            <a:ext cx="13990320" cy="7680960"/>
          </a:xfrm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329184" y="3145536"/>
            <a:ext cx="13085065" cy="1188720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329184" y="6373368"/>
            <a:ext cx="14008608" cy="1124712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3785616"/>
            <a:ext cx="12609576" cy="384048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795528" y="3364992"/>
            <a:ext cx="12609576" cy="420624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88047911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484632" y="1197864"/>
            <a:ext cx="4297680" cy="4700016"/>
          </a:xfrm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5157216" y="1197864"/>
            <a:ext cx="4297680" cy="4700016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9838944" y="1197864"/>
            <a:ext cx="4297680" cy="4700016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12408408" y="841248"/>
            <a:ext cx="1609344" cy="27432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mplitudeTF" panose="02000506050000020004" pitchFamily="50" charset="0"/>
              </a:defRPr>
            </a:lvl1pPr>
            <a:lvl2pPr marL="2743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484632" y="6007608"/>
            <a:ext cx="13651992" cy="356616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mplitudeTF" panose="02000506050000020004" pitchFamily="50" charset="0"/>
              </a:defRPr>
            </a:lvl1pPr>
          </a:lstStyle>
          <a:p>
            <a:r>
              <a:rPr lang="en-US" dirty="0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006689472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13249656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72590036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694944" y="1911096"/>
            <a:ext cx="13249656" cy="507492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07729026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717536" y="2231136"/>
            <a:ext cx="6227064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34496296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mplitudeTF" panose="02000506050000020004" pitchFamily="50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717536" y="2231136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717536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2pPr>
            <a:lvl3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3pPr>
            <a:lvl4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4pPr>
            <a:lvl5pPr>
              <a:defRPr sz="1200" b="0" i="0">
                <a:solidFill>
                  <a:schemeClr val="tx2"/>
                </a:solidFill>
                <a:latin typeface="AmplitudeTF" panose="02000506050000020004" pitchFamily="50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mplitudeTF" panose="02000506050000020004" pitchFamily="50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87304935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694944" y="484632"/>
            <a:ext cx="13249656" cy="722376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694944" y="1837944"/>
            <a:ext cx="13249656" cy="5321808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0160" lvl="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 dirty="0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dirty="0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 dirty="0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 dirty="0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 dirty="0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694944" y="1307592"/>
            <a:ext cx="13249656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3502152" y="484632"/>
            <a:ext cx="10442448" cy="228600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700" b="0" i="0" cap="all" spc="210" dirty="0">
              <a:solidFill>
                <a:schemeClr val="tx2"/>
              </a:solidFill>
              <a:latin typeface="AmplitudeTF" panose="02000506050000020004" pitchFamily="50" charset="0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3502152" y="265176"/>
            <a:ext cx="10442448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US" sz="7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694944" y="463314"/>
            <a:ext cx="65" cy="13407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US" sz="850" b="0" i="0" dirty="0">
              <a:solidFill>
                <a:schemeClr val="bg2"/>
              </a:solidFill>
              <a:latin typeface="AmplitudeTF" panose="02000506050000020004" pitchFamily="50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7150608" y="7507224"/>
            <a:ext cx="329184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694944" y="7644384"/>
            <a:ext cx="2660904" cy="12801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US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E04939D2-9709-4FC1-95F4-46366AAC84CB}"/>
              </a:ext>
            </a:extLst>
          </p:cNvPr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10632094" y="7443216"/>
            <a:ext cx="3303362" cy="222199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mplitudeTF" panose="02000506050000020004" pitchFamily="50" charset="0"/>
          <a:ea typeface="+mj-ea"/>
          <a:cs typeface="+mj-cs"/>
        </a:defRPr>
      </a:lvl1pPr>
    </p:titleStyle>
    <p:bodyStyle>
      <a:lvl1pPr marL="10160" indent="-6985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mplitudeTF" panose="02000506050000020004" pitchFamily="50" charset="0"/>
          <a:ea typeface="+mn-ea"/>
          <a:cs typeface="+mn-cs"/>
        </a:defRPr>
      </a:lvl1pPr>
      <a:lvl2pPr marL="210312" indent="-182880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mplitudeTF" panose="02000506050000020004" pitchFamily="50" charset="0"/>
          <a:ea typeface="+mn-ea"/>
          <a:cs typeface="+mn-cs"/>
        </a:defRPr>
      </a:lvl2pPr>
      <a:lvl3pPr marL="384048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mplitudeTF" panose="02000506050000020004" pitchFamily="50" charset="0"/>
          <a:ea typeface="+mn-ea"/>
          <a:cs typeface="+mn-cs"/>
        </a:defRPr>
      </a:lvl3pPr>
      <a:lvl4pPr marL="557784" indent="-219456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mplitudeTF" panose="02000506050000020004" pitchFamily="50" charset="0"/>
          <a:ea typeface="+mn-ea"/>
          <a:cs typeface="+mn-cs"/>
        </a:defRPr>
      </a:lvl4pPr>
      <a:lvl5pPr marL="73152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mplitudeTF" panose="02000506050000020004" pitchFamily="50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4" Type="http://schemas.openxmlformats.org/officeDocument/2006/relationships/image" Target="../media/image1.tmp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7" Type="http://schemas.openxmlformats.org/officeDocument/2006/relationships/image" Target="../media/image14.png"/><Relationship Id="rId2" Type="http://schemas.openxmlformats.org/officeDocument/2006/relationships/slideLayout" Target="../slideLayouts/slideLayout24.xml"/><Relationship Id="rId1" Type="http://schemas.openxmlformats.org/officeDocument/2006/relationships/tags" Target="../tags/tag23.xml"/><Relationship Id="rId6" Type="http://schemas.openxmlformats.org/officeDocument/2006/relationships/image" Target="../media/image13.png"/><Relationship Id="rId5" Type="http://schemas.openxmlformats.org/officeDocument/2006/relationships/image" Target="../media/image12.png"/><Relationship Id="rId4" Type="http://schemas.openxmlformats.org/officeDocument/2006/relationships/image" Target="../media/image11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24.xml"/><Relationship Id="rId1" Type="http://schemas.openxmlformats.org/officeDocument/2006/relationships/tags" Target="../tags/tag24.xml"/><Relationship Id="rId6" Type="http://schemas.openxmlformats.org/officeDocument/2006/relationships/image" Target="../media/image17.png"/><Relationship Id="rId5" Type="http://schemas.openxmlformats.org/officeDocument/2006/relationships/image" Target="../media/image16.png"/><Relationship Id="rId4" Type="http://schemas.openxmlformats.org/officeDocument/2006/relationships/image" Target="../media/image15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24.xml"/><Relationship Id="rId1" Type="http://schemas.openxmlformats.org/officeDocument/2006/relationships/tags" Target="../tags/tag25.xml"/><Relationship Id="rId4" Type="http://schemas.openxmlformats.org/officeDocument/2006/relationships/image" Target="../media/image18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24.xml"/><Relationship Id="rId1" Type="http://schemas.openxmlformats.org/officeDocument/2006/relationships/tags" Target="../tags/tag26.xml"/><Relationship Id="rId5" Type="http://schemas.openxmlformats.org/officeDocument/2006/relationships/image" Target="../media/image20.png"/><Relationship Id="rId4" Type="http://schemas.openxmlformats.org/officeDocument/2006/relationships/image" Target="../media/image19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28.xml"/><Relationship Id="rId1" Type="http://schemas.openxmlformats.org/officeDocument/2006/relationships/tags" Target="../tags/tag27.xml"/><Relationship Id="rId4" Type="http://schemas.openxmlformats.org/officeDocument/2006/relationships/image" Target="../media/image1.tmp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7" Type="http://schemas.openxmlformats.org/officeDocument/2006/relationships/image" Target="../media/image24.png"/><Relationship Id="rId2" Type="http://schemas.openxmlformats.org/officeDocument/2006/relationships/slideLayout" Target="../slideLayouts/slideLayout24.xml"/><Relationship Id="rId1" Type="http://schemas.openxmlformats.org/officeDocument/2006/relationships/tags" Target="../tags/tag29.xml"/><Relationship Id="rId6" Type="http://schemas.openxmlformats.org/officeDocument/2006/relationships/image" Target="../media/image23.png"/><Relationship Id="rId5" Type="http://schemas.openxmlformats.org/officeDocument/2006/relationships/image" Target="../media/image22.png"/><Relationship Id="rId4" Type="http://schemas.openxmlformats.org/officeDocument/2006/relationships/image" Target="../media/image21.pn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0.xml"/><Relationship Id="rId4" Type="http://schemas.openxmlformats.org/officeDocument/2006/relationships/image" Target="../media/image26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1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2.xml"/><Relationship Id="rId5" Type="http://schemas.openxmlformats.org/officeDocument/2006/relationships/image" Target="../media/image30.png"/><Relationship Id="rId4" Type="http://schemas.openxmlformats.org/officeDocument/2006/relationships/image" Target="../media/image29.pn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3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25.xml"/><Relationship Id="rId1" Type="http://schemas.openxmlformats.org/officeDocument/2006/relationships/tags" Target="../tags/tag1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35.xml"/><Relationship Id="rId1" Type="http://schemas.openxmlformats.org/officeDocument/2006/relationships/tags" Target="../tags/tag34.xml"/><Relationship Id="rId4" Type="http://schemas.openxmlformats.org/officeDocument/2006/relationships/image" Target="../media/image1.tmp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7" Type="http://schemas.openxmlformats.org/officeDocument/2006/relationships/image" Target="../media/image35.png"/><Relationship Id="rId2" Type="http://schemas.openxmlformats.org/officeDocument/2006/relationships/slideLayout" Target="../slideLayouts/slideLayout24.xml"/><Relationship Id="rId1" Type="http://schemas.openxmlformats.org/officeDocument/2006/relationships/tags" Target="../tags/tag36.xml"/><Relationship Id="rId6" Type="http://schemas.openxmlformats.org/officeDocument/2006/relationships/image" Target="../media/image34.png"/><Relationship Id="rId5" Type="http://schemas.openxmlformats.org/officeDocument/2006/relationships/image" Target="../media/image33.png"/><Relationship Id="rId4" Type="http://schemas.openxmlformats.org/officeDocument/2006/relationships/image" Target="../media/image32.pn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7.xml"/><Relationship Id="rId6" Type="http://schemas.openxmlformats.org/officeDocument/2006/relationships/image" Target="../media/image39.png"/><Relationship Id="rId5" Type="http://schemas.openxmlformats.org/officeDocument/2006/relationships/image" Target="../media/image38.png"/><Relationship Id="rId4" Type="http://schemas.openxmlformats.org/officeDocument/2006/relationships/image" Target="../media/image37.pn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0.png"/><Relationship Id="rId7" Type="http://schemas.openxmlformats.org/officeDocument/2006/relationships/image" Target="../media/image44.png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38.xml"/><Relationship Id="rId6" Type="http://schemas.openxmlformats.org/officeDocument/2006/relationships/image" Target="../media/image43.png"/><Relationship Id="rId5" Type="http://schemas.openxmlformats.org/officeDocument/2006/relationships/image" Target="../media/image42.png"/><Relationship Id="rId4" Type="http://schemas.openxmlformats.org/officeDocument/2006/relationships/image" Target="../media/image41.svg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tags" Target="../tags/tag41.xml"/><Relationship Id="rId7" Type="http://schemas.openxmlformats.org/officeDocument/2006/relationships/slideLayout" Target="../slideLayouts/slideLayout11.xml"/><Relationship Id="rId2" Type="http://schemas.openxmlformats.org/officeDocument/2006/relationships/tags" Target="../tags/tag40.xml"/><Relationship Id="rId1" Type="http://schemas.openxmlformats.org/officeDocument/2006/relationships/tags" Target="../tags/tag39.xml"/><Relationship Id="rId6" Type="http://schemas.openxmlformats.org/officeDocument/2006/relationships/tags" Target="../tags/tag44.xml"/><Relationship Id="rId5" Type="http://schemas.openxmlformats.org/officeDocument/2006/relationships/tags" Target="../tags/tag43.xml"/><Relationship Id="rId4" Type="http://schemas.openxmlformats.org/officeDocument/2006/relationships/tags" Target="../tags/tag42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6.xml"/><Relationship Id="rId1" Type="http://schemas.openxmlformats.org/officeDocument/2006/relationships/tags" Target="../tags/tag45.xml"/><Relationship Id="rId4" Type="http://schemas.openxmlformats.org/officeDocument/2006/relationships/image" Target="../media/image1.tmp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7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8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9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8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0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14.xml"/><Relationship Id="rId1" Type="http://schemas.openxmlformats.org/officeDocument/2006/relationships/tags" Target="../tags/tag13.xml"/><Relationship Id="rId4" Type="http://schemas.openxmlformats.org/officeDocument/2006/relationships/image" Target="../media/image1.tmp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9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1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0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2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3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2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4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5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6.xml"/><Relationship Id="rId4" Type="http://schemas.openxmlformats.org/officeDocument/2006/relationships/image" Target="../media/image54.png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7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6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8.xml"/></Relationships>
</file>

<file path=ppt/slides/_rels/slide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7.png"/><Relationship Id="rId1" Type="http://schemas.openxmlformats.org/officeDocument/2006/relationships/slideLayout" Target="../slideLayouts/slideLayout6.xml"/></Relationships>
</file>

<file path=ppt/slides/_rels/slide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8.png"/><Relationship Id="rId1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5.xml"/></Relationships>
</file>

<file path=ppt/slides/_rels/slide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9.png"/><Relationship Id="rId1" Type="http://schemas.openxmlformats.org/officeDocument/2006/relationships/slideLayout" Target="../slideLayouts/slideLayout6.xml"/></Relationships>
</file>

<file path=ppt/slides/_rels/slide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60.png"/><Relationship Id="rId1" Type="http://schemas.openxmlformats.org/officeDocument/2006/relationships/slideLayout" Target="../slideLayouts/slideLayout6.xml"/></Relationships>
</file>

<file path=ppt/slides/_rels/slide4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1.png"/><Relationship Id="rId1" Type="http://schemas.openxmlformats.org/officeDocument/2006/relationships/slideLayout" Target="../slideLayouts/slideLayout6.xml"/></Relationships>
</file>

<file path=ppt/slides/_rels/slide43.xml.rels><?xml version="1.0" encoding="UTF-8" standalone="yes"?>
<Relationships xmlns="http://schemas.openxmlformats.org/package/2006/relationships"><Relationship Id="rId2" Type="http://schemas.openxmlformats.org/officeDocument/2006/relationships/image" Target="../media/image62.png"/><Relationship Id="rId1" Type="http://schemas.openxmlformats.org/officeDocument/2006/relationships/slideLayout" Target="../slideLayouts/slideLayout6.xml"/></Relationships>
</file>

<file path=ppt/slides/_rels/slide4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3.png"/><Relationship Id="rId1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4" Type="http://schemas.openxmlformats.org/officeDocument/2006/relationships/image" Target="../media/image1.tmp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8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20.xml"/><Relationship Id="rId1" Type="http://schemas.openxmlformats.org/officeDocument/2006/relationships/tags" Target="../tags/tag19.xml"/><Relationship Id="rId4" Type="http://schemas.openxmlformats.org/officeDocument/2006/relationships/image" Target="../media/image1.tmp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notesSlide" Target="../notesSlides/notesSlide2.xml"/><Relationship Id="rId7" Type="http://schemas.openxmlformats.org/officeDocument/2006/relationships/image" Target="../media/image5.png"/><Relationship Id="rId2" Type="http://schemas.openxmlformats.org/officeDocument/2006/relationships/slideLayout" Target="../slideLayouts/slideLayout24.xml"/><Relationship Id="rId1" Type="http://schemas.openxmlformats.org/officeDocument/2006/relationships/tags" Target="../tags/tag21.xml"/><Relationship Id="rId6" Type="http://schemas.openxmlformats.org/officeDocument/2006/relationships/image" Target="../media/image5.png"/><Relationship Id="rId11" Type="http://schemas.openxmlformats.org/officeDocument/2006/relationships/image" Target="../media/image70.png"/><Relationship Id="rId5" Type="http://schemas.openxmlformats.org/officeDocument/2006/relationships/image" Target="../media/image4.png"/><Relationship Id="rId10" Type="http://schemas.openxmlformats.org/officeDocument/2006/relationships/image" Target="../media/image7.png"/><Relationship Id="rId4" Type="http://schemas.openxmlformats.org/officeDocument/2006/relationships/image" Target="../media/image4.png"/><Relationship Id="rId9" Type="http://schemas.openxmlformats.org/officeDocument/2006/relationships/image" Target="../media/image6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2.xml"/><Relationship Id="rId6" Type="http://schemas.openxmlformats.org/officeDocument/2006/relationships/image" Target="../media/image10.png"/><Relationship Id="rId5" Type="http://schemas.openxmlformats.org/officeDocument/2006/relationships/image" Target="../media/image9.png"/><Relationship Id="rId4" Type="http://schemas.openxmlformats.org/officeDocument/2006/relationships/image" Target="../media/image8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>
            <a:extLst>
              <a:ext uri="{FF2B5EF4-FFF2-40B4-BE49-F238E27FC236}">
                <a16:creationId xmlns:a16="http://schemas.microsoft.com/office/drawing/2014/main" id="{613DFCDA-B134-4FD3-AC88-38EECE75E279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9866375" y="7443216"/>
            <a:ext cx="4078225" cy="27432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7" name="PitchProTitleShape">
            <a:extLst>
              <a:ext uri="{FF2B5EF4-FFF2-40B4-BE49-F238E27FC236}">
                <a16:creationId xmlns:a16="http://schemas.microsoft.com/office/drawing/2014/main" id="{8B8235F0-40A0-4218-B749-0D09A29B11E6}"/>
              </a:ext>
            </a:extLst>
          </p:cNvPr>
          <p:cNvSpPr>
            <a:spLocks noGrp="1"/>
          </p:cNvSpPr>
          <p:nvPr>
            <p:ph type="title" idx="10"/>
          </p:nvPr>
        </p:nvSpPr>
        <p:spPr>
          <a:xfrm>
            <a:off x="694944" y="2998780"/>
            <a:ext cx="13249656" cy="677108"/>
          </a:xfrm>
        </p:spPr>
        <p:txBody>
          <a:bodyPr/>
          <a:lstStyle/>
          <a:p>
            <a:r>
              <a:rPr lang="en-IN" sz="4400" dirty="0"/>
              <a:t>Process mining on the loan application</a:t>
            </a:r>
            <a:endParaRPr lang="en-US" sz="4400" dirty="0"/>
          </a:p>
        </p:txBody>
      </p:sp>
      <p:sp>
        <p:nvSpPr>
          <p:cNvPr id="5" name="CoverPageDateText">
            <a:extLst>
              <a:ext uri="{FF2B5EF4-FFF2-40B4-BE49-F238E27FC236}">
                <a16:creationId xmlns:a16="http://schemas.microsoft.com/office/drawing/2014/main" id="{D9C69B3C-6573-4BA0-BDF3-5CB1317114F7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694944" y="3922776"/>
            <a:ext cx="4379976" cy="384048"/>
          </a:xfrm>
        </p:spPr>
        <p:txBody>
          <a:bodyPr/>
          <a:lstStyle/>
          <a:p>
            <a:r>
              <a:rPr lang="en-US" sz="2800" dirty="0"/>
              <a:t>Case Study-</a:t>
            </a:r>
            <a:r>
              <a:rPr lang="en-IN" sz="2800" dirty="0"/>
              <a:t> Process of Dutch Financial Institute</a:t>
            </a:r>
            <a:endParaRPr lang="en-US" sz="2800" dirty="0"/>
          </a:p>
          <a:p>
            <a:endParaRPr lang="en-US" sz="28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96586761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B938653-C641-FFED-F2FF-4817C6EF4FD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2">
            <a:extLst>
              <a:ext uri="{FF2B5EF4-FFF2-40B4-BE49-F238E27FC236}">
                <a16:creationId xmlns:a16="http://schemas.microsoft.com/office/drawing/2014/main" id="{3163BE19-AB3C-9900-FC97-35C9978829A2}"/>
              </a:ext>
            </a:extLst>
          </p:cNvPr>
          <p:cNvSpPr txBox="1">
            <a:spLocks/>
          </p:cNvSpPr>
          <p:nvPr/>
        </p:nvSpPr>
        <p:spPr>
          <a:xfrm>
            <a:off x="3910948" y="1993392"/>
            <a:ext cx="3313167" cy="4947054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en-US" sz="2400" dirty="0">
                <a:solidFill>
                  <a:schemeClr val="accent1"/>
                </a:solidFill>
              </a:rPr>
              <a:t>Application Type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The chart reveals that "Limit Raise" applications have lower average requested amounts (~18,000) compared to "New Credit" (~16,000)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"Limit Raise" applications have a higher average offered amount (~24,000) than "New Credit" (~18,000)</a:t>
            </a:r>
          </a:p>
        </p:txBody>
      </p:sp>
      <p:sp>
        <p:nvSpPr>
          <p:cNvPr id="11" name="Content Placeholder 10">
            <a:extLst>
              <a:ext uri="{FF2B5EF4-FFF2-40B4-BE49-F238E27FC236}">
                <a16:creationId xmlns:a16="http://schemas.microsoft.com/office/drawing/2014/main" id="{60F6A53C-BC88-4812-BC2D-BA5D5742E424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226962" y="1993392"/>
            <a:ext cx="3313167" cy="5486700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Loan Goals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180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Offered amounts consistently fall below requested amounts across loan goals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In "Car" loans, the median offered amount is significantly lower than the median requested amount, Observed a general trend of lenders offering less than borrowers seek</a:t>
            </a:r>
          </a:p>
          <a:p>
            <a:pPr algn="ctr"/>
            <a:endParaRPr lang="en-US" sz="1800" dirty="0"/>
          </a:p>
        </p:txBody>
      </p:sp>
      <p:sp>
        <p:nvSpPr>
          <p:cNvPr id="13" name="Content Placeholder 12">
            <a:extLst>
              <a:ext uri="{FF2B5EF4-FFF2-40B4-BE49-F238E27FC236}">
                <a16:creationId xmlns:a16="http://schemas.microsoft.com/office/drawing/2014/main" id="{6C408C6A-ADA1-B849-B704-637058D1DEF9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492385" y="1993392"/>
            <a:ext cx="3346692" cy="5486700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Number of Terms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Both requested and offered amounts show an upward trend from 2016 to 2017, culminating in a significant increase in 2017-01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 In 2017-01, the average requested amount was $40,000, while the average offered amount was $38,000, representing a 5% difference</a:t>
            </a:r>
          </a:p>
        </p:txBody>
      </p:sp>
      <p:sp>
        <p:nvSpPr>
          <p:cNvPr id="14" name="Content Placeholder 13">
            <a:extLst>
              <a:ext uri="{FF2B5EF4-FFF2-40B4-BE49-F238E27FC236}">
                <a16:creationId xmlns:a16="http://schemas.microsoft.com/office/drawing/2014/main" id="{1C19CE8D-349F-D24A-69A1-D936EBD52F62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10984760" y="1993390"/>
            <a:ext cx="3442750" cy="5486701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Credit Score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endParaRPr lang="en-US" sz="1600" dirty="0"/>
          </a:p>
          <a:p>
            <a:endParaRPr lang="en-US" sz="160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Both average requested and offered loan amounts decrease as credit scores increase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For scores below 600, offers lag significantly behind requests, reflecting higher perceived risk for lower-credit borrowers.</a:t>
            </a:r>
            <a:endParaRPr lang="en-US" sz="105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For credit scores above 600, the average offered amount tends to increase slightly</a:t>
            </a:r>
          </a:p>
        </p:txBody>
      </p:sp>
      <p:sp>
        <p:nvSpPr>
          <p:cNvPr id="19" name="Subtitle 18">
            <a:extLst>
              <a:ext uri="{FF2B5EF4-FFF2-40B4-BE49-F238E27FC236}">
                <a16:creationId xmlns:a16="http://schemas.microsoft.com/office/drawing/2014/main" id="{ECC1CF4D-31A6-700F-55E5-BE4909828441}"/>
              </a:ext>
            </a:extLst>
          </p:cNvPr>
          <p:cNvSpPr>
            <a:spLocks noGrp="1"/>
          </p:cNvSpPr>
          <p:nvPr>
            <p:ph type="subTitle" sz="quarter" idx="18"/>
          </p:nvPr>
        </p:nvSpPr>
        <p:spPr>
          <a:xfrm>
            <a:off x="675677" y="1472943"/>
            <a:ext cx="13708530" cy="586728"/>
          </a:xfrm>
        </p:spPr>
        <p:txBody>
          <a:bodyPr/>
          <a:lstStyle/>
          <a:p>
            <a:r>
              <a:rPr lang="en-US" sz="1800" dirty="0"/>
              <a:t>Bivariate analysis explores relationships between loan characteristics (goals, type, terms </a:t>
            </a:r>
            <a:r>
              <a:rPr lang="en-US" sz="1800" dirty="0" err="1"/>
              <a:t>etc</a:t>
            </a:r>
            <a:r>
              <a:rPr lang="en-US" sz="1800" dirty="0"/>
              <a:t>) and loan amount dynamics (requested vs. offered)</a:t>
            </a:r>
          </a:p>
          <a:p>
            <a:endParaRPr lang="en-US" dirty="0"/>
          </a:p>
        </p:txBody>
      </p:sp>
      <p:sp>
        <p:nvSpPr>
          <p:cNvPr id="20" name="Title 5">
            <a:extLst>
              <a:ext uri="{FF2B5EF4-FFF2-40B4-BE49-F238E27FC236}">
                <a16:creationId xmlns:a16="http://schemas.microsoft.com/office/drawing/2014/main" id="{344BBC89-F019-0A4F-A474-C57140556BE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94944" y="484632"/>
            <a:ext cx="13249656" cy="722376"/>
          </a:xfrm>
        </p:spPr>
        <p:txBody>
          <a:bodyPr/>
          <a:lstStyle/>
          <a:p>
            <a:r>
              <a:rPr lang="en-US" sz="2800" dirty="0"/>
              <a:t>Distribution of (Requested &amp; Offered Amount): Bivariate Analysis</a:t>
            </a:r>
          </a:p>
        </p:txBody>
      </p:sp>
      <p:sp>
        <p:nvSpPr>
          <p:cNvPr id="26" name="Freeform 34">
            <a:extLst>
              <a:ext uri="{FF2B5EF4-FFF2-40B4-BE49-F238E27FC236}">
                <a16:creationId xmlns:a16="http://schemas.microsoft.com/office/drawing/2014/main" id="{85655510-9904-A318-75AD-256394BF38A3}"/>
              </a:ext>
            </a:extLst>
          </p:cNvPr>
          <p:cNvSpPr>
            <a:spLocks noEditPoints="1"/>
          </p:cNvSpPr>
          <p:nvPr/>
        </p:nvSpPr>
        <p:spPr bwMode="auto">
          <a:xfrm>
            <a:off x="8522366" y="3267963"/>
            <a:ext cx="959804" cy="560228"/>
          </a:xfrm>
          <a:custGeom>
            <a:avLst/>
            <a:gdLst>
              <a:gd name="T0" fmla="*/ 97 w 481"/>
              <a:gd name="T1" fmla="*/ 231 h 296"/>
              <a:gd name="T2" fmla="*/ 385 w 481"/>
              <a:gd name="T3" fmla="*/ 231 h 296"/>
              <a:gd name="T4" fmla="*/ 389 w 481"/>
              <a:gd name="T5" fmla="*/ 227 h 296"/>
              <a:gd name="T6" fmla="*/ 389 w 481"/>
              <a:gd name="T7" fmla="*/ 35 h 296"/>
              <a:gd name="T8" fmla="*/ 385 w 481"/>
              <a:gd name="T9" fmla="*/ 31 h 296"/>
              <a:gd name="T10" fmla="*/ 97 w 481"/>
              <a:gd name="T11" fmla="*/ 31 h 296"/>
              <a:gd name="T12" fmla="*/ 92 w 481"/>
              <a:gd name="T13" fmla="*/ 35 h 296"/>
              <a:gd name="T14" fmla="*/ 92 w 481"/>
              <a:gd name="T15" fmla="*/ 227 h 296"/>
              <a:gd name="T16" fmla="*/ 97 w 481"/>
              <a:gd name="T17" fmla="*/ 231 h 296"/>
              <a:gd name="T18" fmla="*/ 102 w 481"/>
              <a:gd name="T19" fmla="*/ 40 h 296"/>
              <a:gd name="T20" fmla="*/ 380 w 481"/>
              <a:gd name="T21" fmla="*/ 40 h 296"/>
              <a:gd name="T22" fmla="*/ 380 w 481"/>
              <a:gd name="T23" fmla="*/ 222 h 296"/>
              <a:gd name="T24" fmla="*/ 102 w 481"/>
              <a:gd name="T25" fmla="*/ 222 h 296"/>
              <a:gd name="T26" fmla="*/ 102 w 481"/>
              <a:gd name="T27" fmla="*/ 40 h 296"/>
              <a:gd name="T28" fmla="*/ 459 w 481"/>
              <a:gd name="T29" fmla="*/ 252 h 296"/>
              <a:gd name="T30" fmla="*/ 414 w 481"/>
              <a:gd name="T31" fmla="*/ 252 h 296"/>
              <a:gd name="T32" fmla="*/ 422 w 481"/>
              <a:gd name="T33" fmla="*/ 231 h 296"/>
              <a:gd name="T34" fmla="*/ 422 w 481"/>
              <a:gd name="T35" fmla="*/ 31 h 296"/>
              <a:gd name="T36" fmla="*/ 392 w 481"/>
              <a:gd name="T37" fmla="*/ 0 h 296"/>
              <a:gd name="T38" fmla="*/ 90 w 481"/>
              <a:gd name="T39" fmla="*/ 0 h 296"/>
              <a:gd name="T40" fmla="*/ 59 w 481"/>
              <a:gd name="T41" fmla="*/ 31 h 296"/>
              <a:gd name="T42" fmla="*/ 59 w 481"/>
              <a:gd name="T43" fmla="*/ 231 h 296"/>
              <a:gd name="T44" fmla="*/ 68 w 481"/>
              <a:gd name="T45" fmla="*/ 252 h 296"/>
              <a:gd name="T46" fmla="*/ 22 w 481"/>
              <a:gd name="T47" fmla="*/ 252 h 296"/>
              <a:gd name="T48" fmla="*/ 0 w 481"/>
              <a:gd name="T49" fmla="*/ 274 h 296"/>
              <a:gd name="T50" fmla="*/ 22 w 481"/>
              <a:gd name="T51" fmla="*/ 296 h 296"/>
              <a:gd name="T52" fmla="*/ 459 w 481"/>
              <a:gd name="T53" fmla="*/ 296 h 296"/>
              <a:gd name="T54" fmla="*/ 481 w 481"/>
              <a:gd name="T55" fmla="*/ 274 h 296"/>
              <a:gd name="T56" fmla="*/ 459 w 481"/>
              <a:gd name="T57" fmla="*/ 252 h 296"/>
              <a:gd name="T58" fmla="*/ 68 w 481"/>
              <a:gd name="T59" fmla="*/ 31 h 296"/>
              <a:gd name="T60" fmla="*/ 90 w 481"/>
              <a:gd name="T61" fmla="*/ 10 h 296"/>
              <a:gd name="T62" fmla="*/ 392 w 481"/>
              <a:gd name="T63" fmla="*/ 10 h 296"/>
              <a:gd name="T64" fmla="*/ 413 w 481"/>
              <a:gd name="T65" fmla="*/ 31 h 296"/>
              <a:gd name="T66" fmla="*/ 413 w 481"/>
              <a:gd name="T67" fmla="*/ 231 h 296"/>
              <a:gd name="T68" fmla="*/ 392 w 481"/>
              <a:gd name="T69" fmla="*/ 252 h 296"/>
              <a:gd name="T70" fmla="*/ 90 w 481"/>
              <a:gd name="T71" fmla="*/ 252 h 296"/>
              <a:gd name="T72" fmla="*/ 68 w 481"/>
              <a:gd name="T73" fmla="*/ 231 h 296"/>
              <a:gd name="T74" fmla="*/ 68 w 481"/>
              <a:gd name="T75" fmla="*/ 31 h 296"/>
              <a:gd name="T76" fmla="*/ 459 w 481"/>
              <a:gd name="T77" fmla="*/ 286 h 296"/>
              <a:gd name="T78" fmla="*/ 22 w 481"/>
              <a:gd name="T79" fmla="*/ 286 h 296"/>
              <a:gd name="T80" fmla="*/ 10 w 481"/>
              <a:gd name="T81" fmla="*/ 274 h 296"/>
              <a:gd name="T82" fmla="*/ 22 w 481"/>
              <a:gd name="T83" fmla="*/ 262 h 296"/>
              <a:gd name="T84" fmla="*/ 459 w 481"/>
              <a:gd name="T85" fmla="*/ 262 h 296"/>
              <a:gd name="T86" fmla="*/ 472 w 481"/>
              <a:gd name="T87" fmla="*/ 274 h 296"/>
              <a:gd name="T88" fmla="*/ 459 w 481"/>
              <a:gd name="T89" fmla="*/ 286 h 29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</a:cxnLst>
            <a:rect l="0" t="0" r="r" b="b"/>
            <a:pathLst>
              <a:path w="481" h="296">
                <a:moveTo>
                  <a:pt x="97" y="231"/>
                </a:moveTo>
                <a:cubicBezTo>
                  <a:pt x="385" y="231"/>
                  <a:pt x="385" y="231"/>
                  <a:pt x="385" y="231"/>
                </a:cubicBezTo>
                <a:cubicBezTo>
                  <a:pt x="387" y="231"/>
                  <a:pt x="389" y="229"/>
                  <a:pt x="389" y="227"/>
                </a:cubicBezTo>
                <a:cubicBezTo>
                  <a:pt x="389" y="35"/>
                  <a:pt x="389" y="35"/>
                  <a:pt x="389" y="35"/>
                </a:cubicBezTo>
                <a:cubicBezTo>
                  <a:pt x="389" y="33"/>
                  <a:pt x="387" y="31"/>
                  <a:pt x="385" y="31"/>
                </a:cubicBezTo>
                <a:cubicBezTo>
                  <a:pt x="97" y="31"/>
                  <a:pt x="97" y="31"/>
                  <a:pt x="97" y="31"/>
                </a:cubicBezTo>
                <a:cubicBezTo>
                  <a:pt x="94" y="31"/>
                  <a:pt x="92" y="33"/>
                  <a:pt x="92" y="35"/>
                </a:cubicBezTo>
                <a:cubicBezTo>
                  <a:pt x="92" y="227"/>
                  <a:pt x="92" y="227"/>
                  <a:pt x="92" y="227"/>
                </a:cubicBezTo>
                <a:cubicBezTo>
                  <a:pt x="92" y="229"/>
                  <a:pt x="94" y="231"/>
                  <a:pt x="97" y="231"/>
                </a:cubicBezTo>
                <a:close/>
                <a:moveTo>
                  <a:pt x="102" y="40"/>
                </a:moveTo>
                <a:cubicBezTo>
                  <a:pt x="380" y="40"/>
                  <a:pt x="380" y="40"/>
                  <a:pt x="380" y="40"/>
                </a:cubicBezTo>
                <a:cubicBezTo>
                  <a:pt x="380" y="222"/>
                  <a:pt x="380" y="222"/>
                  <a:pt x="380" y="222"/>
                </a:cubicBezTo>
                <a:cubicBezTo>
                  <a:pt x="102" y="222"/>
                  <a:pt x="102" y="222"/>
                  <a:pt x="102" y="222"/>
                </a:cubicBezTo>
                <a:lnTo>
                  <a:pt x="102" y="40"/>
                </a:lnTo>
                <a:close/>
                <a:moveTo>
                  <a:pt x="459" y="252"/>
                </a:moveTo>
                <a:cubicBezTo>
                  <a:pt x="414" y="252"/>
                  <a:pt x="414" y="252"/>
                  <a:pt x="414" y="252"/>
                </a:cubicBezTo>
                <a:cubicBezTo>
                  <a:pt x="419" y="247"/>
                  <a:pt x="422" y="239"/>
                  <a:pt x="422" y="231"/>
                </a:cubicBezTo>
                <a:cubicBezTo>
                  <a:pt x="422" y="31"/>
                  <a:pt x="422" y="31"/>
                  <a:pt x="422" y="31"/>
                </a:cubicBezTo>
                <a:cubicBezTo>
                  <a:pt x="422" y="14"/>
                  <a:pt x="409" y="0"/>
                  <a:pt x="392" y="0"/>
                </a:cubicBezTo>
                <a:cubicBezTo>
                  <a:pt x="90" y="0"/>
                  <a:pt x="90" y="0"/>
                  <a:pt x="90" y="0"/>
                </a:cubicBezTo>
                <a:cubicBezTo>
                  <a:pt x="73" y="0"/>
                  <a:pt x="59" y="14"/>
                  <a:pt x="59" y="31"/>
                </a:cubicBezTo>
                <a:cubicBezTo>
                  <a:pt x="59" y="231"/>
                  <a:pt x="59" y="231"/>
                  <a:pt x="59" y="231"/>
                </a:cubicBezTo>
                <a:cubicBezTo>
                  <a:pt x="59" y="239"/>
                  <a:pt x="62" y="247"/>
                  <a:pt x="68" y="252"/>
                </a:cubicBezTo>
                <a:cubicBezTo>
                  <a:pt x="22" y="252"/>
                  <a:pt x="22" y="252"/>
                  <a:pt x="22" y="252"/>
                </a:cubicBezTo>
                <a:cubicBezTo>
                  <a:pt x="10" y="252"/>
                  <a:pt x="0" y="262"/>
                  <a:pt x="0" y="274"/>
                </a:cubicBezTo>
                <a:cubicBezTo>
                  <a:pt x="0" y="286"/>
                  <a:pt x="10" y="296"/>
                  <a:pt x="22" y="296"/>
                </a:cubicBezTo>
                <a:cubicBezTo>
                  <a:pt x="459" y="296"/>
                  <a:pt x="459" y="296"/>
                  <a:pt x="459" y="296"/>
                </a:cubicBezTo>
                <a:cubicBezTo>
                  <a:pt x="471" y="296"/>
                  <a:pt x="481" y="286"/>
                  <a:pt x="481" y="274"/>
                </a:cubicBezTo>
                <a:cubicBezTo>
                  <a:pt x="481" y="262"/>
                  <a:pt x="471" y="252"/>
                  <a:pt x="459" y="252"/>
                </a:cubicBezTo>
                <a:close/>
                <a:moveTo>
                  <a:pt x="68" y="31"/>
                </a:moveTo>
                <a:cubicBezTo>
                  <a:pt x="68" y="19"/>
                  <a:pt x="78" y="10"/>
                  <a:pt x="90" y="10"/>
                </a:cubicBezTo>
                <a:cubicBezTo>
                  <a:pt x="392" y="10"/>
                  <a:pt x="392" y="10"/>
                  <a:pt x="392" y="10"/>
                </a:cubicBezTo>
                <a:cubicBezTo>
                  <a:pt x="404" y="10"/>
                  <a:pt x="413" y="19"/>
                  <a:pt x="413" y="31"/>
                </a:cubicBezTo>
                <a:cubicBezTo>
                  <a:pt x="413" y="231"/>
                  <a:pt x="413" y="231"/>
                  <a:pt x="413" y="231"/>
                </a:cubicBezTo>
                <a:cubicBezTo>
                  <a:pt x="413" y="243"/>
                  <a:pt x="404" y="252"/>
                  <a:pt x="392" y="252"/>
                </a:cubicBezTo>
                <a:cubicBezTo>
                  <a:pt x="90" y="252"/>
                  <a:pt x="90" y="252"/>
                  <a:pt x="90" y="252"/>
                </a:cubicBezTo>
                <a:cubicBezTo>
                  <a:pt x="78" y="252"/>
                  <a:pt x="68" y="243"/>
                  <a:pt x="68" y="231"/>
                </a:cubicBezTo>
                <a:lnTo>
                  <a:pt x="68" y="31"/>
                </a:lnTo>
                <a:close/>
                <a:moveTo>
                  <a:pt x="459" y="286"/>
                </a:moveTo>
                <a:cubicBezTo>
                  <a:pt x="22" y="286"/>
                  <a:pt x="22" y="286"/>
                  <a:pt x="22" y="286"/>
                </a:cubicBezTo>
                <a:cubicBezTo>
                  <a:pt x="15" y="286"/>
                  <a:pt x="10" y="281"/>
                  <a:pt x="10" y="274"/>
                </a:cubicBezTo>
                <a:cubicBezTo>
                  <a:pt x="10" y="267"/>
                  <a:pt x="15" y="262"/>
                  <a:pt x="22" y="262"/>
                </a:cubicBezTo>
                <a:cubicBezTo>
                  <a:pt x="459" y="262"/>
                  <a:pt x="459" y="262"/>
                  <a:pt x="459" y="262"/>
                </a:cubicBezTo>
                <a:cubicBezTo>
                  <a:pt x="466" y="262"/>
                  <a:pt x="472" y="267"/>
                  <a:pt x="472" y="274"/>
                </a:cubicBezTo>
                <a:cubicBezTo>
                  <a:pt x="472" y="281"/>
                  <a:pt x="466" y="286"/>
                  <a:pt x="459" y="286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sp>
        <p:nvSpPr>
          <p:cNvPr id="28" name="Freeform 93">
            <a:extLst>
              <a:ext uri="{FF2B5EF4-FFF2-40B4-BE49-F238E27FC236}">
                <a16:creationId xmlns:a16="http://schemas.microsoft.com/office/drawing/2014/main" id="{7664A32C-8715-2F58-8A8C-9BCBED6E357E}"/>
              </a:ext>
            </a:extLst>
          </p:cNvPr>
          <p:cNvSpPr>
            <a:spLocks noEditPoints="1"/>
          </p:cNvSpPr>
          <p:nvPr/>
        </p:nvSpPr>
        <p:spPr bwMode="auto">
          <a:xfrm>
            <a:off x="12052159" y="3123760"/>
            <a:ext cx="650625" cy="818425"/>
          </a:xfrm>
          <a:custGeom>
            <a:avLst/>
            <a:gdLst>
              <a:gd name="T0" fmla="*/ 486 w 486"/>
              <a:gd name="T1" fmla="*/ 163 h 630"/>
              <a:gd name="T2" fmla="*/ 485 w 486"/>
              <a:gd name="T3" fmla="*/ 161 h 630"/>
              <a:gd name="T4" fmla="*/ 484 w 486"/>
              <a:gd name="T5" fmla="*/ 160 h 630"/>
              <a:gd name="T6" fmla="*/ 326 w 486"/>
              <a:gd name="T7" fmla="*/ 2 h 630"/>
              <a:gd name="T8" fmla="*/ 325 w 486"/>
              <a:gd name="T9" fmla="*/ 1 h 630"/>
              <a:gd name="T10" fmla="*/ 323 w 486"/>
              <a:gd name="T11" fmla="*/ 1 h 630"/>
              <a:gd name="T12" fmla="*/ 122 w 486"/>
              <a:gd name="T13" fmla="*/ 0 h 630"/>
              <a:gd name="T14" fmla="*/ 115 w 486"/>
              <a:gd name="T15" fmla="*/ 137 h 630"/>
              <a:gd name="T16" fmla="*/ 0 w 486"/>
              <a:gd name="T17" fmla="*/ 144 h 630"/>
              <a:gd name="T18" fmla="*/ 7 w 486"/>
              <a:gd name="T19" fmla="*/ 630 h 630"/>
              <a:gd name="T20" fmla="*/ 372 w 486"/>
              <a:gd name="T21" fmla="*/ 623 h 630"/>
              <a:gd name="T22" fmla="*/ 479 w 486"/>
              <a:gd name="T23" fmla="*/ 493 h 630"/>
              <a:gd name="T24" fmla="*/ 486 w 486"/>
              <a:gd name="T25" fmla="*/ 165 h 630"/>
              <a:gd name="T26" fmla="*/ 329 w 486"/>
              <a:gd name="T27" fmla="*/ 24 h 630"/>
              <a:gd name="T28" fmla="*/ 329 w 486"/>
              <a:gd name="T29" fmla="*/ 158 h 630"/>
              <a:gd name="T30" fmla="*/ 358 w 486"/>
              <a:gd name="T31" fmla="*/ 616 h 630"/>
              <a:gd name="T32" fmla="*/ 14 w 486"/>
              <a:gd name="T33" fmla="*/ 151 h 630"/>
              <a:gd name="T34" fmla="*/ 200 w 486"/>
              <a:gd name="T35" fmla="*/ 302 h 630"/>
              <a:gd name="T36" fmla="*/ 358 w 486"/>
              <a:gd name="T37" fmla="*/ 309 h 630"/>
              <a:gd name="T38" fmla="*/ 348 w 486"/>
              <a:gd name="T39" fmla="*/ 295 h 630"/>
              <a:gd name="T40" fmla="*/ 214 w 486"/>
              <a:gd name="T41" fmla="*/ 161 h 630"/>
              <a:gd name="T42" fmla="*/ 372 w 486"/>
              <a:gd name="T43" fmla="*/ 479 h 630"/>
              <a:gd name="T44" fmla="*/ 372 w 486"/>
              <a:gd name="T45" fmla="*/ 301 h 630"/>
              <a:gd name="T46" fmla="*/ 371 w 486"/>
              <a:gd name="T47" fmla="*/ 299 h 630"/>
              <a:gd name="T48" fmla="*/ 371 w 486"/>
              <a:gd name="T49" fmla="*/ 298 h 630"/>
              <a:gd name="T50" fmla="*/ 212 w 486"/>
              <a:gd name="T51" fmla="*/ 139 h 630"/>
              <a:gd name="T52" fmla="*/ 211 w 486"/>
              <a:gd name="T53" fmla="*/ 138 h 630"/>
              <a:gd name="T54" fmla="*/ 210 w 486"/>
              <a:gd name="T55" fmla="*/ 138 h 630"/>
              <a:gd name="T56" fmla="*/ 207 w 486"/>
              <a:gd name="T57" fmla="*/ 137 h 630"/>
              <a:gd name="T58" fmla="*/ 129 w 486"/>
              <a:gd name="T59" fmla="*/ 14 h 630"/>
              <a:gd name="T60" fmla="*/ 315 w 486"/>
              <a:gd name="T61" fmla="*/ 165 h 630"/>
              <a:gd name="T62" fmla="*/ 472 w 486"/>
              <a:gd name="T63" fmla="*/ 172 h 630"/>
              <a:gd name="T64" fmla="*/ 372 w 486"/>
              <a:gd name="T65" fmla="*/ 479 h 63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</a:cxnLst>
            <a:rect l="0" t="0" r="r" b="b"/>
            <a:pathLst>
              <a:path w="486" h="630">
                <a:moveTo>
                  <a:pt x="486" y="164"/>
                </a:moveTo>
                <a:cubicBezTo>
                  <a:pt x="486" y="163"/>
                  <a:pt x="486" y="163"/>
                  <a:pt x="486" y="163"/>
                </a:cubicBezTo>
                <a:cubicBezTo>
                  <a:pt x="486" y="162"/>
                  <a:pt x="486" y="162"/>
                  <a:pt x="486" y="162"/>
                </a:cubicBezTo>
                <a:cubicBezTo>
                  <a:pt x="486" y="162"/>
                  <a:pt x="486" y="162"/>
                  <a:pt x="485" y="161"/>
                </a:cubicBezTo>
                <a:cubicBezTo>
                  <a:pt x="485" y="161"/>
                  <a:pt x="485" y="161"/>
                  <a:pt x="485" y="161"/>
                </a:cubicBezTo>
                <a:cubicBezTo>
                  <a:pt x="485" y="161"/>
                  <a:pt x="485" y="160"/>
                  <a:pt x="484" y="160"/>
                </a:cubicBezTo>
                <a:cubicBezTo>
                  <a:pt x="327" y="2"/>
                  <a:pt x="327" y="2"/>
                  <a:pt x="327" y="2"/>
                </a:cubicBezTo>
                <a:cubicBezTo>
                  <a:pt x="327" y="2"/>
                  <a:pt x="326" y="2"/>
                  <a:pt x="326" y="2"/>
                </a:cubicBezTo>
                <a:cubicBezTo>
                  <a:pt x="326" y="2"/>
                  <a:pt x="326" y="2"/>
                  <a:pt x="326" y="1"/>
                </a:cubicBezTo>
                <a:cubicBezTo>
                  <a:pt x="325" y="1"/>
                  <a:pt x="325" y="1"/>
                  <a:pt x="325" y="1"/>
                </a:cubicBezTo>
                <a:cubicBezTo>
                  <a:pt x="324" y="1"/>
                  <a:pt x="324" y="1"/>
                  <a:pt x="324" y="1"/>
                </a:cubicBezTo>
                <a:cubicBezTo>
                  <a:pt x="324" y="1"/>
                  <a:pt x="324" y="1"/>
                  <a:pt x="323" y="1"/>
                </a:cubicBezTo>
                <a:cubicBezTo>
                  <a:pt x="323" y="0"/>
                  <a:pt x="322" y="0"/>
                  <a:pt x="322" y="0"/>
                </a:cubicBezTo>
                <a:cubicBezTo>
                  <a:pt x="122" y="0"/>
                  <a:pt x="122" y="0"/>
                  <a:pt x="122" y="0"/>
                </a:cubicBezTo>
                <a:cubicBezTo>
                  <a:pt x="118" y="0"/>
                  <a:pt x="115" y="4"/>
                  <a:pt x="115" y="7"/>
                </a:cubicBezTo>
                <a:cubicBezTo>
                  <a:pt x="115" y="137"/>
                  <a:pt x="115" y="137"/>
                  <a:pt x="115" y="137"/>
                </a:cubicBezTo>
                <a:cubicBezTo>
                  <a:pt x="7" y="137"/>
                  <a:pt x="7" y="137"/>
                  <a:pt x="7" y="137"/>
                </a:cubicBezTo>
                <a:cubicBezTo>
                  <a:pt x="3" y="137"/>
                  <a:pt x="0" y="141"/>
                  <a:pt x="0" y="144"/>
                </a:cubicBezTo>
                <a:cubicBezTo>
                  <a:pt x="0" y="623"/>
                  <a:pt x="0" y="623"/>
                  <a:pt x="0" y="623"/>
                </a:cubicBezTo>
                <a:cubicBezTo>
                  <a:pt x="0" y="626"/>
                  <a:pt x="3" y="630"/>
                  <a:pt x="7" y="630"/>
                </a:cubicBezTo>
                <a:cubicBezTo>
                  <a:pt x="365" y="630"/>
                  <a:pt x="365" y="630"/>
                  <a:pt x="365" y="630"/>
                </a:cubicBezTo>
                <a:cubicBezTo>
                  <a:pt x="369" y="630"/>
                  <a:pt x="372" y="626"/>
                  <a:pt x="372" y="623"/>
                </a:cubicBezTo>
                <a:cubicBezTo>
                  <a:pt x="372" y="493"/>
                  <a:pt x="372" y="493"/>
                  <a:pt x="372" y="493"/>
                </a:cubicBezTo>
                <a:cubicBezTo>
                  <a:pt x="479" y="493"/>
                  <a:pt x="479" y="493"/>
                  <a:pt x="479" y="493"/>
                </a:cubicBezTo>
                <a:cubicBezTo>
                  <a:pt x="483" y="493"/>
                  <a:pt x="486" y="489"/>
                  <a:pt x="486" y="486"/>
                </a:cubicBezTo>
                <a:cubicBezTo>
                  <a:pt x="486" y="165"/>
                  <a:pt x="486" y="165"/>
                  <a:pt x="486" y="165"/>
                </a:cubicBezTo>
                <a:cubicBezTo>
                  <a:pt x="486" y="164"/>
                  <a:pt x="486" y="164"/>
                  <a:pt x="486" y="164"/>
                </a:cubicBezTo>
                <a:close/>
                <a:moveTo>
                  <a:pt x="329" y="24"/>
                </a:moveTo>
                <a:cubicBezTo>
                  <a:pt x="463" y="158"/>
                  <a:pt x="463" y="158"/>
                  <a:pt x="463" y="158"/>
                </a:cubicBezTo>
                <a:cubicBezTo>
                  <a:pt x="329" y="158"/>
                  <a:pt x="329" y="158"/>
                  <a:pt x="329" y="158"/>
                </a:cubicBezTo>
                <a:lnTo>
                  <a:pt x="329" y="24"/>
                </a:lnTo>
                <a:close/>
                <a:moveTo>
                  <a:pt x="358" y="616"/>
                </a:moveTo>
                <a:cubicBezTo>
                  <a:pt x="14" y="616"/>
                  <a:pt x="14" y="616"/>
                  <a:pt x="14" y="616"/>
                </a:cubicBezTo>
                <a:cubicBezTo>
                  <a:pt x="14" y="151"/>
                  <a:pt x="14" y="151"/>
                  <a:pt x="14" y="151"/>
                </a:cubicBezTo>
                <a:cubicBezTo>
                  <a:pt x="200" y="151"/>
                  <a:pt x="200" y="151"/>
                  <a:pt x="200" y="151"/>
                </a:cubicBezTo>
                <a:cubicBezTo>
                  <a:pt x="200" y="302"/>
                  <a:pt x="200" y="302"/>
                  <a:pt x="200" y="302"/>
                </a:cubicBezTo>
                <a:cubicBezTo>
                  <a:pt x="200" y="306"/>
                  <a:pt x="203" y="309"/>
                  <a:pt x="207" y="309"/>
                </a:cubicBezTo>
                <a:cubicBezTo>
                  <a:pt x="358" y="309"/>
                  <a:pt x="358" y="309"/>
                  <a:pt x="358" y="309"/>
                </a:cubicBezTo>
                <a:lnTo>
                  <a:pt x="358" y="616"/>
                </a:lnTo>
                <a:close/>
                <a:moveTo>
                  <a:pt x="348" y="295"/>
                </a:moveTo>
                <a:cubicBezTo>
                  <a:pt x="214" y="295"/>
                  <a:pt x="214" y="295"/>
                  <a:pt x="214" y="295"/>
                </a:cubicBezTo>
                <a:cubicBezTo>
                  <a:pt x="214" y="161"/>
                  <a:pt x="214" y="161"/>
                  <a:pt x="214" y="161"/>
                </a:cubicBezTo>
                <a:lnTo>
                  <a:pt x="348" y="295"/>
                </a:lnTo>
                <a:close/>
                <a:moveTo>
                  <a:pt x="372" y="479"/>
                </a:moveTo>
                <a:cubicBezTo>
                  <a:pt x="372" y="302"/>
                  <a:pt x="372" y="302"/>
                  <a:pt x="372" y="302"/>
                </a:cubicBezTo>
                <a:cubicBezTo>
                  <a:pt x="372" y="301"/>
                  <a:pt x="372" y="301"/>
                  <a:pt x="372" y="301"/>
                </a:cubicBezTo>
                <a:cubicBezTo>
                  <a:pt x="372" y="300"/>
                  <a:pt x="371" y="300"/>
                  <a:pt x="371" y="300"/>
                </a:cubicBezTo>
                <a:cubicBezTo>
                  <a:pt x="371" y="299"/>
                  <a:pt x="371" y="299"/>
                  <a:pt x="371" y="299"/>
                </a:cubicBezTo>
                <a:cubicBezTo>
                  <a:pt x="371" y="299"/>
                  <a:pt x="371" y="299"/>
                  <a:pt x="371" y="298"/>
                </a:cubicBezTo>
                <a:cubicBezTo>
                  <a:pt x="371" y="298"/>
                  <a:pt x="371" y="298"/>
                  <a:pt x="371" y="298"/>
                </a:cubicBezTo>
                <a:cubicBezTo>
                  <a:pt x="370" y="298"/>
                  <a:pt x="370" y="297"/>
                  <a:pt x="370" y="297"/>
                </a:cubicBezTo>
                <a:cubicBezTo>
                  <a:pt x="212" y="139"/>
                  <a:pt x="212" y="139"/>
                  <a:pt x="212" y="139"/>
                </a:cubicBezTo>
                <a:cubicBezTo>
                  <a:pt x="212" y="139"/>
                  <a:pt x="211" y="139"/>
                  <a:pt x="211" y="139"/>
                </a:cubicBezTo>
                <a:cubicBezTo>
                  <a:pt x="211" y="139"/>
                  <a:pt x="211" y="138"/>
                  <a:pt x="211" y="138"/>
                </a:cubicBezTo>
                <a:cubicBezTo>
                  <a:pt x="211" y="138"/>
                  <a:pt x="210" y="138"/>
                  <a:pt x="210" y="138"/>
                </a:cubicBezTo>
                <a:cubicBezTo>
                  <a:pt x="210" y="138"/>
                  <a:pt x="210" y="138"/>
                  <a:pt x="210" y="138"/>
                </a:cubicBezTo>
                <a:cubicBezTo>
                  <a:pt x="209" y="138"/>
                  <a:pt x="209" y="138"/>
                  <a:pt x="209" y="138"/>
                </a:cubicBezTo>
                <a:cubicBezTo>
                  <a:pt x="208" y="137"/>
                  <a:pt x="208" y="137"/>
                  <a:pt x="207" y="137"/>
                </a:cubicBezTo>
                <a:cubicBezTo>
                  <a:pt x="129" y="137"/>
                  <a:pt x="129" y="137"/>
                  <a:pt x="129" y="137"/>
                </a:cubicBezTo>
                <a:cubicBezTo>
                  <a:pt x="129" y="14"/>
                  <a:pt x="129" y="14"/>
                  <a:pt x="129" y="14"/>
                </a:cubicBezTo>
                <a:cubicBezTo>
                  <a:pt x="315" y="14"/>
                  <a:pt x="315" y="14"/>
                  <a:pt x="315" y="14"/>
                </a:cubicBezTo>
                <a:cubicBezTo>
                  <a:pt x="315" y="165"/>
                  <a:pt x="315" y="165"/>
                  <a:pt x="315" y="165"/>
                </a:cubicBezTo>
                <a:cubicBezTo>
                  <a:pt x="315" y="169"/>
                  <a:pt x="318" y="172"/>
                  <a:pt x="322" y="172"/>
                </a:cubicBezTo>
                <a:cubicBezTo>
                  <a:pt x="472" y="172"/>
                  <a:pt x="472" y="172"/>
                  <a:pt x="472" y="172"/>
                </a:cubicBezTo>
                <a:cubicBezTo>
                  <a:pt x="472" y="479"/>
                  <a:pt x="472" y="479"/>
                  <a:pt x="472" y="479"/>
                </a:cubicBezTo>
                <a:lnTo>
                  <a:pt x="372" y="479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5" name="Slide Zoom 4">
                <a:extLst>
                  <a:ext uri="{FF2B5EF4-FFF2-40B4-BE49-F238E27FC236}">
                    <a16:creationId xmlns:a16="http://schemas.microsoft.com/office/drawing/2014/main" id="{50F99A5A-0D8A-463B-AA5D-6A519C0C75C0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1670622665"/>
                  </p:ext>
                </p:extLst>
              </p:nvPr>
            </p:nvGraphicFramePr>
            <p:xfrm>
              <a:off x="236070" y="2408132"/>
              <a:ext cx="3346692" cy="1882514"/>
            </p:xfrm>
            <a:graphic>
              <a:graphicData uri="http://schemas.microsoft.com/office/powerpoint/2016/slidezoom">
                <pslz:sldZm>
                  <pslz:sldZmObj sldId="298" cId="1907492672">
                    <pslz:zmPr id="{CB7BBA45-32DD-4A75-A2A4-571A0C4945C2}" returnToParent="0" transitionDur="1000">
                      <p166:blipFill xmlns:p166="http://schemas.microsoft.com/office/powerpoint/2016/6/main">
                        <a:blip r:embed="rId4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346692" cy="1882514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5" name="Slide Zoom 4">
                <a:extLst>
                  <a:ext uri="{FF2B5EF4-FFF2-40B4-BE49-F238E27FC236}">
                    <a16:creationId xmlns:a16="http://schemas.microsoft.com/office/drawing/2014/main" id="{50F99A5A-0D8A-463B-AA5D-6A519C0C75C0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4"/>
              <a:stretch>
                <a:fillRect/>
              </a:stretch>
            </p:blipFill>
            <p:spPr>
              <a:xfrm>
                <a:off x="236070" y="2408132"/>
                <a:ext cx="3346692" cy="1882514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7" name="Slide Zoom 6">
                <a:extLst>
                  <a:ext uri="{FF2B5EF4-FFF2-40B4-BE49-F238E27FC236}">
                    <a16:creationId xmlns:a16="http://schemas.microsoft.com/office/drawing/2014/main" id="{60F02D29-B0CE-63FE-06FC-B3A617A6F0EA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1362531052"/>
                  </p:ext>
                </p:extLst>
              </p:nvPr>
            </p:nvGraphicFramePr>
            <p:xfrm>
              <a:off x="3868782" y="2408132"/>
              <a:ext cx="3346692" cy="1882514"/>
            </p:xfrm>
            <a:graphic>
              <a:graphicData uri="http://schemas.microsoft.com/office/powerpoint/2016/slidezoom">
                <pslz:sldZm>
                  <pslz:sldZmObj sldId="299" cId="803213355">
                    <pslz:zmPr id="{288D763C-0F5B-408B-AD53-58E3B2023CC4}" returnToParent="0" transitionDur="1000">
                      <p166:blipFill xmlns:p166="http://schemas.microsoft.com/office/powerpoint/2016/6/main">
                        <a:blip r:embed="rId5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346692" cy="1882514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7" name="Slide Zoom 6">
                <a:extLst>
                  <a:ext uri="{FF2B5EF4-FFF2-40B4-BE49-F238E27FC236}">
                    <a16:creationId xmlns:a16="http://schemas.microsoft.com/office/drawing/2014/main" id="{60F02D29-B0CE-63FE-06FC-B3A617A6F0EA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5"/>
              <a:stretch>
                <a:fillRect/>
              </a:stretch>
            </p:blipFill>
            <p:spPr>
              <a:xfrm>
                <a:off x="3868782" y="2408132"/>
                <a:ext cx="3346692" cy="1882514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9" name="Slide Zoom 8">
                <a:extLst>
                  <a:ext uri="{FF2B5EF4-FFF2-40B4-BE49-F238E27FC236}">
                    <a16:creationId xmlns:a16="http://schemas.microsoft.com/office/drawing/2014/main" id="{79190E85-1C5C-3F68-38E9-C3784C66E043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3870919966"/>
                  </p:ext>
                </p:extLst>
              </p:nvPr>
            </p:nvGraphicFramePr>
            <p:xfrm>
              <a:off x="7492385" y="2408132"/>
              <a:ext cx="3346692" cy="1882514"/>
            </p:xfrm>
            <a:graphic>
              <a:graphicData uri="http://schemas.microsoft.com/office/powerpoint/2016/slidezoom">
                <pslz:sldZm>
                  <pslz:sldZmObj sldId="300" cId="2210107769">
                    <pslz:zmPr id="{E7A19EE6-3F54-4A63-A202-996C0057EBA1}" returnToParent="0" transitionDur="1000">
                      <p166:blipFill xmlns:p166="http://schemas.microsoft.com/office/powerpoint/2016/6/main">
                        <a:blip r:embed="rId6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346692" cy="1882514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9" name="Slide Zoom 8">
                <a:extLst>
                  <a:ext uri="{FF2B5EF4-FFF2-40B4-BE49-F238E27FC236}">
                    <a16:creationId xmlns:a16="http://schemas.microsoft.com/office/drawing/2014/main" id="{79190E85-1C5C-3F68-38E9-C3784C66E043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6"/>
              <a:stretch>
                <a:fillRect/>
              </a:stretch>
            </p:blipFill>
            <p:spPr>
              <a:xfrm>
                <a:off x="7492385" y="2408132"/>
                <a:ext cx="3346692" cy="1882514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12" name="Slide Zoom 11">
                <a:extLst>
                  <a:ext uri="{FF2B5EF4-FFF2-40B4-BE49-F238E27FC236}">
                    <a16:creationId xmlns:a16="http://schemas.microsoft.com/office/drawing/2014/main" id="{F7024EC6-6AA6-7F56-C005-ECC4D2B10881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2234908816"/>
                  </p:ext>
                </p:extLst>
              </p:nvPr>
            </p:nvGraphicFramePr>
            <p:xfrm>
              <a:off x="11063233" y="2408132"/>
              <a:ext cx="3346692" cy="1882514"/>
            </p:xfrm>
            <a:graphic>
              <a:graphicData uri="http://schemas.microsoft.com/office/powerpoint/2016/slidezoom">
                <pslz:sldZm>
                  <pslz:sldZmObj sldId="301" cId="492101132">
                    <pslz:zmPr id="{6ABDA301-93F4-4BAC-A777-613F97BE7471}" returnToParent="0" transitionDur="1000">
                      <p166:blipFill xmlns:p166="http://schemas.microsoft.com/office/powerpoint/2016/6/main">
                        <a:blip r:embed="rId7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346692" cy="1882514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12" name="Slide Zoom 11">
                <a:extLst>
                  <a:ext uri="{FF2B5EF4-FFF2-40B4-BE49-F238E27FC236}">
                    <a16:creationId xmlns:a16="http://schemas.microsoft.com/office/drawing/2014/main" id="{F7024EC6-6AA6-7F56-C005-ECC4D2B10881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7"/>
              <a:stretch>
                <a:fillRect/>
              </a:stretch>
            </p:blipFill>
            <p:spPr>
              <a:xfrm>
                <a:off x="11063233" y="2408132"/>
                <a:ext cx="3346692" cy="1882514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</p:spTree>
    <p:custDataLst>
      <p:tags r:id="rId1"/>
    </p:custDataLst>
    <p:extLst>
      <p:ext uri="{BB962C8B-B14F-4D97-AF65-F5344CB8AC3E}">
        <p14:creationId xmlns:p14="http://schemas.microsoft.com/office/powerpoint/2010/main" val="3889375700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6AEF0D3F-D551-DB0E-C859-D3AFA93BC8A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Subtitle 18">
            <a:extLst>
              <a:ext uri="{FF2B5EF4-FFF2-40B4-BE49-F238E27FC236}">
                <a16:creationId xmlns:a16="http://schemas.microsoft.com/office/drawing/2014/main" id="{AC50FF1B-1012-F694-96A2-63B4FC093F9B}"/>
              </a:ext>
            </a:extLst>
          </p:cNvPr>
          <p:cNvSpPr>
            <a:spLocks noGrp="1"/>
          </p:cNvSpPr>
          <p:nvPr>
            <p:ph type="subTitle" sz="quarter" idx="18"/>
          </p:nvPr>
        </p:nvSpPr>
        <p:spPr>
          <a:xfrm>
            <a:off x="694944" y="1508113"/>
            <a:ext cx="13249656" cy="384048"/>
          </a:xfrm>
        </p:spPr>
        <p:txBody>
          <a:bodyPr/>
          <a:lstStyle/>
          <a:p>
            <a:r>
              <a:rPr lang="en-US" sz="2000" dirty="0"/>
              <a:t>This analysis explores the relationship between requested and offered loan amounts, credit score, and three loan goals: Business, Debt, and Existing Loan Takeover</a:t>
            </a:r>
            <a:endParaRPr lang="en-US" dirty="0"/>
          </a:p>
        </p:txBody>
      </p:sp>
      <p:sp>
        <p:nvSpPr>
          <p:cNvPr id="20" name="Title 5">
            <a:extLst>
              <a:ext uri="{FF2B5EF4-FFF2-40B4-BE49-F238E27FC236}">
                <a16:creationId xmlns:a16="http://schemas.microsoft.com/office/drawing/2014/main" id="{A4416528-7673-CC2B-E69A-49D317C138A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94944" y="465689"/>
            <a:ext cx="13249656" cy="722376"/>
          </a:xfrm>
        </p:spPr>
        <p:txBody>
          <a:bodyPr/>
          <a:lstStyle/>
          <a:p>
            <a:r>
              <a:rPr lang="en-US" sz="2800" dirty="0"/>
              <a:t>Distribution of Loan Amounts by Goal, Credit, and Offer: Multivariate Analysis </a:t>
            </a:r>
          </a:p>
        </p:txBody>
      </p:sp>
      <p:pic>
        <p:nvPicPr>
          <p:cNvPr id="1028" name="Picture 4">
            <a:extLst>
              <a:ext uri="{FF2B5EF4-FFF2-40B4-BE49-F238E27FC236}">
                <a16:creationId xmlns:a16="http://schemas.microsoft.com/office/drawing/2014/main" id="{852FE254-8002-A492-2BBF-9846F43578A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4161" y="4262189"/>
            <a:ext cx="4529870" cy="366284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0" name="Picture 6">
            <a:extLst>
              <a:ext uri="{FF2B5EF4-FFF2-40B4-BE49-F238E27FC236}">
                <a16:creationId xmlns:a16="http://schemas.microsoft.com/office/drawing/2014/main" id="{E1AE7D04-2B0C-709F-A7C8-46849CACAFD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135975" y="3021108"/>
            <a:ext cx="4529871" cy="366284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2" name="Picture 8">
            <a:extLst>
              <a:ext uri="{FF2B5EF4-FFF2-40B4-BE49-F238E27FC236}">
                <a16:creationId xmlns:a16="http://schemas.microsoft.com/office/drawing/2014/main" id="{83E5009D-4D6C-7E59-E4B6-3A19408AACF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867790" y="1836837"/>
            <a:ext cx="4529871" cy="366284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35520776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723935D-30C8-187D-233B-42575EB437B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Subtitle 18">
            <a:extLst>
              <a:ext uri="{FF2B5EF4-FFF2-40B4-BE49-F238E27FC236}">
                <a16:creationId xmlns:a16="http://schemas.microsoft.com/office/drawing/2014/main" id="{37232FB1-6E82-59F4-8E99-A193048E5302}"/>
              </a:ext>
            </a:extLst>
          </p:cNvPr>
          <p:cNvSpPr>
            <a:spLocks noGrp="1"/>
          </p:cNvSpPr>
          <p:nvPr>
            <p:ph type="subTitle" sz="quarter" idx="18"/>
          </p:nvPr>
        </p:nvSpPr>
        <p:spPr>
          <a:xfrm>
            <a:off x="694944" y="1508113"/>
            <a:ext cx="13249656" cy="384048"/>
          </a:xfrm>
        </p:spPr>
        <p:txBody>
          <a:bodyPr/>
          <a:lstStyle/>
          <a:p>
            <a:r>
              <a:rPr lang="en-US" sz="2000" dirty="0"/>
              <a:t>This timeline chart visualizes the progression of a single application through its various stages, from creation to acceptance, revealing key milestones and the time elapsed between each.</a:t>
            </a:r>
          </a:p>
        </p:txBody>
      </p:sp>
      <p:sp>
        <p:nvSpPr>
          <p:cNvPr id="20" name="Title 5">
            <a:extLst>
              <a:ext uri="{FF2B5EF4-FFF2-40B4-BE49-F238E27FC236}">
                <a16:creationId xmlns:a16="http://schemas.microsoft.com/office/drawing/2014/main" id="{E45E3B78-DA5C-B6F1-EA5A-EB50ADCABC5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94944" y="465689"/>
            <a:ext cx="13249656" cy="722376"/>
          </a:xfrm>
        </p:spPr>
        <p:txBody>
          <a:bodyPr/>
          <a:lstStyle/>
          <a:p>
            <a:r>
              <a:rPr lang="en-US" sz="2800" dirty="0"/>
              <a:t>Lifecycle of an application: Multivariate Analysis </a:t>
            </a:r>
          </a:p>
        </p:txBody>
      </p:sp>
      <p:pic>
        <p:nvPicPr>
          <p:cNvPr id="3" name="Picture 2" descr="A graph with numbers and a line&#10;&#10;Description automatically generated with medium confidence">
            <a:extLst>
              <a:ext uri="{FF2B5EF4-FFF2-40B4-BE49-F238E27FC236}">
                <a16:creationId xmlns:a16="http://schemas.microsoft.com/office/drawing/2014/main" id="{71B1FBBE-B8BE-E08C-B52E-DD2EEA088E9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03363" y="2400299"/>
            <a:ext cx="13595988" cy="4457701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302762889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E1A6EE0-5F4A-2BAB-698D-289307ADFBD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Subtitle 18">
            <a:extLst>
              <a:ext uri="{FF2B5EF4-FFF2-40B4-BE49-F238E27FC236}">
                <a16:creationId xmlns:a16="http://schemas.microsoft.com/office/drawing/2014/main" id="{18C944AD-830C-4192-E8B2-B1CC4A8AA162}"/>
              </a:ext>
            </a:extLst>
          </p:cNvPr>
          <p:cNvSpPr>
            <a:spLocks noGrp="1"/>
          </p:cNvSpPr>
          <p:nvPr>
            <p:ph type="subTitle" sz="quarter" idx="18"/>
          </p:nvPr>
        </p:nvSpPr>
        <p:spPr>
          <a:xfrm>
            <a:off x="694944" y="1508113"/>
            <a:ext cx="13249656" cy="384048"/>
          </a:xfrm>
        </p:spPr>
        <p:txBody>
          <a:bodyPr/>
          <a:lstStyle/>
          <a:p>
            <a:r>
              <a:rPr lang="en-US" sz="1600" dirty="0"/>
              <a:t>This analysis decomposes time series data for "Car" and "Home Improvement" loan applications into trend, seasonality, and residual components, revealing distinct temporal patterns for each goal type</a:t>
            </a:r>
          </a:p>
          <a:p>
            <a:endParaRPr lang="en-US" dirty="0"/>
          </a:p>
        </p:txBody>
      </p:sp>
      <p:sp>
        <p:nvSpPr>
          <p:cNvPr id="20" name="Title 5">
            <a:extLst>
              <a:ext uri="{FF2B5EF4-FFF2-40B4-BE49-F238E27FC236}">
                <a16:creationId xmlns:a16="http://schemas.microsoft.com/office/drawing/2014/main" id="{C9BAA97A-6206-1616-B976-E5E20C55770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94944" y="465689"/>
            <a:ext cx="13249656" cy="722376"/>
          </a:xfrm>
        </p:spPr>
        <p:txBody>
          <a:bodyPr/>
          <a:lstStyle/>
          <a:p>
            <a:r>
              <a:rPr lang="en-US" sz="2800" dirty="0"/>
              <a:t>Trend &amp; Seasonality Analysis</a:t>
            </a:r>
          </a:p>
        </p:txBody>
      </p:sp>
      <p:pic>
        <p:nvPicPr>
          <p:cNvPr id="15362" name="Picture 2">
            <a:extLst>
              <a:ext uri="{FF2B5EF4-FFF2-40B4-BE49-F238E27FC236}">
                <a16:creationId xmlns:a16="http://schemas.microsoft.com/office/drawing/2014/main" id="{EE18DC29-739C-70C0-1C1C-E86B396C40A3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4506" y="2079161"/>
            <a:ext cx="6631026" cy="526339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5364" name="Picture 4">
            <a:extLst>
              <a:ext uri="{FF2B5EF4-FFF2-40B4-BE49-F238E27FC236}">
                <a16:creationId xmlns:a16="http://schemas.microsoft.com/office/drawing/2014/main" id="{A5FBD991-18CE-0F75-A497-A9D42EBC603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584779" y="2063352"/>
            <a:ext cx="6631026" cy="52950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2B8E662B-09B0-3BA5-1C75-6A06BBA63443}"/>
              </a:ext>
            </a:extLst>
          </p:cNvPr>
          <p:cNvSpPr txBox="1"/>
          <p:nvPr/>
        </p:nvSpPr>
        <p:spPr>
          <a:xfrm>
            <a:off x="-4604098" y="3074246"/>
            <a:ext cx="3320422" cy="1633973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600" b="1" i="0" dirty="0">
                <a:solidFill>
                  <a:schemeClr val="tx2"/>
                </a:solidFill>
                <a:latin typeface="Arial"/>
              </a:rPr>
              <a:t>Graph </a:t>
            </a:r>
            <a:r>
              <a:rPr lang="en-US" sz="1600" b="1" dirty="0">
                <a:solidFill>
                  <a:schemeClr val="tx2"/>
                </a:solidFill>
                <a:latin typeface="Arial"/>
              </a:rPr>
              <a:t>on average requested amount over time</a:t>
            </a:r>
          </a:p>
          <a:p>
            <a:pPr algn="l">
              <a:lnSpc>
                <a:spcPct val="110000"/>
              </a:lnSpc>
            </a:pPr>
            <a:r>
              <a:rPr lang="en-US" sz="1600" b="1" dirty="0">
                <a:solidFill>
                  <a:schemeClr val="tx2"/>
                </a:solidFill>
                <a:latin typeface="Arial"/>
              </a:rPr>
              <a:t>Seasonality &amp; Trend graph for few loan goals</a:t>
            </a:r>
          </a:p>
          <a:p>
            <a:pPr algn="l">
              <a:lnSpc>
                <a:spcPct val="110000"/>
              </a:lnSpc>
            </a:pPr>
            <a:endParaRPr lang="en-US" sz="1600" b="1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95845297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BDF086F-0C49-9B7A-03F0-2704AA35210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>
            <a:extLst>
              <a:ext uri="{FF2B5EF4-FFF2-40B4-BE49-F238E27FC236}">
                <a16:creationId xmlns:a16="http://schemas.microsoft.com/office/drawing/2014/main" id="{2CB64ED8-8A71-A222-DCBD-57A916AF007A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9866375" y="7443216"/>
            <a:ext cx="4078225" cy="27432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7" name="PitchProTitleShape">
            <a:extLst>
              <a:ext uri="{FF2B5EF4-FFF2-40B4-BE49-F238E27FC236}">
                <a16:creationId xmlns:a16="http://schemas.microsoft.com/office/drawing/2014/main" id="{655F0481-0CBE-5706-26B8-ADF5093DADA7}"/>
              </a:ext>
            </a:extLst>
          </p:cNvPr>
          <p:cNvSpPr>
            <a:spLocks noGrp="1"/>
          </p:cNvSpPr>
          <p:nvPr>
            <p:ph type="title" idx="10"/>
          </p:nvPr>
        </p:nvSpPr>
        <p:spPr>
          <a:xfrm>
            <a:off x="694944" y="2998780"/>
            <a:ext cx="13249656" cy="677108"/>
          </a:xfrm>
        </p:spPr>
        <p:txBody>
          <a:bodyPr/>
          <a:lstStyle/>
          <a:p>
            <a:r>
              <a:rPr lang="en-US" sz="4400" dirty="0"/>
              <a:t>Root Cause Analysis for Loan Acceptanc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62639742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E117962-F7E6-6417-FE21-79EDC5F391F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0">
            <a:extLst>
              <a:ext uri="{FF2B5EF4-FFF2-40B4-BE49-F238E27FC236}">
                <a16:creationId xmlns:a16="http://schemas.microsoft.com/office/drawing/2014/main" id="{39EDA460-E56B-B3EF-CD84-BED169320FDB}"/>
              </a:ext>
            </a:extLst>
          </p:cNvPr>
          <p:cNvSpPr txBox="1">
            <a:spLocks/>
          </p:cNvSpPr>
          <p:nvPr/>
        </p:nvSpPr>
        <p:spPr>
          <a:xfrm>
            <a:off x="4125870" y="1993391"/>
            <a:ext cx="3108960" cy="602222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en-US" sz="2400" dirty="0">
                <a:solidFill>
                  <a:schemeClr val="accent1"/>
                </a:solidFill>
              </a:rPr>
              <a:t>Application Type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marL="288925" indent="-285750">
              <a:buFont typeface="Arial" panose="020B0604020202020204" pitchFamily="34" charset="0"/>
              <a:buChar char="•"/>
            </a:pPr>
            <a:endParaRPr lang="en-US" sz="180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600" dirty="0"/>
              <a:t>New Credit applications have a significantly higher acceptance rate (97.11%) compared to Limit Raise applications (83.51%).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600" dirty="0"/>
              <a:t>This distribution highlights a strong focus on establishing new credit lines.</a:t>
            </a:r>
          </a:p>
          <a:p>
            <a:pPr algn="ctr"/>
            <a:endParaRPr lang="en-US" sz="1800" dirty="0"/>
          </a:p>
        </p:txBody>
      </p:sp>
      <p:sp>
        <p:nvSpPr>
          <p:cNvPr id="11" name="Content Placeholder 10">
            <a:extLst>
              <a:ext uri="{FF2B5EF4-FFF2-40B4-BE49-F238E27FC236}">
                <a16:creationId xmlns:a16="http://schemas.microsoft.com/office/drawing/2014/main" id="{CB10A625-9288-9216-05C8-CA485CCB567C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7" y="1993391"/>
            <a:ext cx="3304893" cy="5990023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Loan Goals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600" dirty="0"/>
              <a:t>Car loans exhibit the highest acceptance rate (~80%), while business goals and debt restructuring have lower acceptance rates (~55-60%). 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600" dirty="0"/>
              <a:t>Other loan goals show moderate acceptance rates, indicating varying approval likelihoods across different loan purposes</a:t>
            </a:r>
          </a:p>
          <a:p>
            <a:pPr algn="ctr"/>
            <a:endParaRPr lang="en-US" sz="1800" dirty="0"/>
          </a:p>
          <a:p>
            <a:pPr algn="ctr"/>
            <a:endParaRPr lang="en-US" sz="1800" dirty="0"/>
          </a:p>
        </p:txBody>
      </p:sp>
      <p:sp>
        <p:nvSpPr>
          <p:cNvPr id="13" name="Content Placeholder 12">
            <a:extLst>
              <a:ext uri="{FF2B5EF4-FFF2-40B4-BE49-F238E27FC236}">
                <a16:creationId xmlns:a16="http://schemas.microsoft.com/office/drawing/2014/main" id="{2F7F0BDF-2412-3E81-863E-4DF1C1859110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464717" y="1993392"/>
            <a:ext cx="3108960" cy="5392146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Number of Terms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600" dirty="0"/>
              <a:t>Acceptance rates generally increase with the number of terms, reaching the highest levels for longer terms (92-136)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600" dirty="0"/>
              <a:t> Major peak around 125 terms and a significant concentration between 50 and 150 terms</a:t>
            </a:r>
          </a:p>
        </p:txBody>
      </p:sp>
      <p:sp>
        <p:nvSpPr>
          <p:cNvPr id="14" name="Content Placeholder 13">
            <a:extLst>
              <a:ext uri="{FF2B5EF4-FFF2-40B4-BE49-F238E27FC236}">
                <a16:creationId xmlns:a16="http://schemas.microsoft.com/office/drawing/2014/main" id="{D3E6E0F4-05F8-0462-6EA0-70BF42B58C93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10881360" y="1993392"/>
            <a:ext cx="3108960" cy="4956048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Requested Amount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600" dirty="0"/>
              <a:t>Acceptance rates appear to vary across requested amount ranges.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600" dirty="0"/>
              <a:t>Lower requested amounts (e.g., "1k-10k") may have higher acceptance rates.</a:t>
            </a:r>
          </a:p>
        </p:txBody>
      </p:sp>
      <p:sp>
        <p:nvSpPr>
          <p:cNvPr id="19" name="Subtitle 18">
            <a:extLst>
              <a:ext uri="{FF2B5EF4-FFF2-40B4-BE49-F238E27FC236}">
                <a16:creationId xmlns:a16="http://schemas.microsoft.com/office/drawing/2014/main" id="{2EB30824-3B65-B92A-A124-8E0AC2A825E4}"/>
              </a:ext>
            </a:extLst>
          </p:cNvPr>
          <p:cNvSpPr>
            <a:spLocks noGrp="1"/>
          </p:cNvSpPr>
          <p:nvPr>
            <p:ph type="subTitle" sz="quarter" idx="18"/>
          </p:nvPr>
        </p:nvSpPr>
        <p:spPr>
          <a:xfrm>
            <a:off x="694944" y="1508112"/>
            <a:ext cx="13249656" cy="517485"/>
          </a:xfrm>
        </p:spPr>
        <p:txBody>
          <a:bodyPr/>
          <a:lstStyle/>
          <a:p>
            <a:r>
              <a:rPr lang="en-US" sz="1800" dirty="0"/>
              <a:t>Analysis identifies key factors such as application type, number of terms, requested amount, loan goal that significantly impact loan acceptance rates.</a:t>
            </a:r>
          </a:p>
        </p:txBody>
      </p:sp>
      <p:sp>
        <p:nvSpPr>
          <p:cNvPr id="20" name="Title 5">
            <a:extLst>
              <a:ext uri="{FF2B5EF4-FFF2-40B4-BE49-F238E27FC236}">
                <a16:creationId xmlns:a16="http://schemas.microsoft.com/office/drawing/2014/main" id="{5EEB26E2-7A8D-A328-F64A-DFBE71A2022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94944" y="484632"/>
            <a:ext cx="13249656" cy="722376"/>
          </a:xfrm>
        </p:spPr>
        <p:txBody>
          <a:bodyPr/>
          <a:lstStyle/>
          <a:p>
            <a:r>
              <a:rPr lang="en-US" sz="2800" dirty="0"/>
              <a:t>Loan Application Acceptance: Factors and Key Determinants</a:t>
            </a:r>
          </a:p>
        </p:txBody>
      </p:sp>
      <p:sp>
        <p:nvSpPr>
          <p:cNvPr id="26" name="Freeform 34">
            <a:extLst>
              <a:ext uri="{FF2B5EF4-FFF2-40B4-BE49-F238E27FC236}">
                <a16:creationId xmlns:a16="http://schemas.microsoft.com/office/drawing/2014/main" id="{BD51B169-852A-2DBD-100C-5FA2E3BDD18D}"/>
              </a:ext>
            </a:extLst>
          </p:cNvPr>
          <p:cNvSpPr>
            <a:spLocks noEditPoints="1"/>
          </p:cNvSpPr>
          <p:nvPr/>
        </p:nvSpPr>
        <p:spPr bwMode="auto">
          <a:xfrm>
            <a:off x="8522366" y="3267963"/>
            <a:ext cx="959804" cy="560228"/>
          </a:xfrm>
          <a:custGeom>
            <a:avLst/>
            <a:gdLst>
              <a:gd name="T0" fmla="*/ 97 w 481"/>
              <a:gd name="T1" fmla="*/ 231 h 296"/>
              <a:gd name="T2" fmla="*/ 385 w 481"/>
              <a:gd name="T3" fmla="*/ 231 h 296"/>
              <a:gd name="T4" fmla="*/ 389 w 481"/>
              <a:gd name="T5" fmla="*/ 227 h 296"/>
              <a:gd name="T6" fmla="*/ 389 w 481"/>
              <a:gd name="T7" fmla="*/ 35 h 296"/>
              <a:gd name="T8" fmla="*/ 385 w 481"/>
              <a:gd name="T9" fmla="*/ 31 h 296"/>
              <a:gd name="T10" fmla="*/ 97 w 481"/>
              <a:gd name="T11" fmla="*/ 31 h 296"/>
              <a:gd name="T12" fmla="*/ 92 w 481"/>
              <a:gd name="T13" fmla="*/ 35 h 296"/>
              <a:gd name="T14" fmla="*/ 92 w 481"/>
              <a:gd name="T15" fmla="*/ 227 h 296"/>
              <a:gd name="T16" fmla="*/ 97 w 481"/>
              <a:gd name="T17" fmla="*/ 231 h 296"/>
              <a:gd name="T18" fmla="*/ 102 w 481"/>
              <a:gd name="T19" fmla="*/ 40 h 296"/>
              <a:gd name="T20" fmla="*/ 380 w 481"/>
              <a:gd name="T21" fmla="*/ 40 h 296"/>
              <a:gd name="T22" fmla="*/ 380 w 481"/>
              <a:gd name="T23" fmla="*/ 222 h 296"/>
              <a:gd name="T24" fmla="*/ 102 w 481"/>
              <a:gd name="T25" fmla="*/ 222 h 296"/>
              <a:gd name="T26" fmla="*/ 102 w 481"/>
              <a:gd name="T27" fmla="*/ 40 h 296"/>
              <a:gd name="T28" fmla="*/ 459 w 481"/>
              <a:gd name="T29" fmla="*/ 252 h 296"/>
              <a:gd name="T30" fmla="*/ 414 w 481"/>
              <a:gd name="T31" fmla="*/ 252 h 296"/>
              <a:gd name="T32" fmla="*/ 422 w 481"/>
              <a:gd name="T33" fmla="*/ 231 h 296"/>
              <a:gd name="T34" fmla="*/ 422 w 481"/>
              <a:gd name="T35" fmla="*/ 31 h 296"/>
              <a:gd name="T36" fmla="*/ 392 w 481"/>
              <a:gd name="T37" fmla="*/ 0 h 296"/>
              <a:gd name="T38" fmla="*/ 90 w 481"/>
              <a:gd name="T39" fmla="*/ 0 h 296"/>
              <a:gd name="T40" fmla="*/ 59 w 481"/>
              <a:gd name="T41" fmla="*/ 31 h 296"/>
              <a:gd name="T42" fmla="*/ 59 w 481"/>
              <a:gd name="T43" fmla="*/ 231 h 296"/>
              <a:gd name="T44" fmla="*/ 68 w 481"/>
              <a:gd name="T45" fmla="*/ 252 h 296"/>
              <a:gd name="T46" fmla="*/ 22 w 481"/>
              <a:gd name="T47" fmla="*/ 252 h 296"/>
              <a:gd name="T48" fmla="*/ 0 w 481"/>
              <a:gd name="T49" fmla="*/ 274 h 296"/>
              <a:gd name="T50" fmla="*/ 22 w 481"/>
              <a:gd name="T51" fmla="*/ 296 h 296"/>
              <a:gd name="T52" fmla="*/ 459 w 481"/>
              <a:gd name="T53" fmla="*/ 296 h 296"/>
              <a:gd name="T54" fmla="*/ 481 w 481"/>
              <a:gd name="T55" fmla="*/ 274 h 296"/>
              <a:gd name="T56" fmla="*/ 459 w 481"/>
              <a:gd name="T57" fmla="*/ 252 h 296"/>
              <a:gd name="T58" fmla="*/ 68 w 481"/>
              <a:gd name="T59" fmla="*/ 31 h 296"/>
              <a:gd name="T60" fmla="*/ 90 w 481"/>
              <a:gd name="T61" fmla="*/ 10 h 296"/>
              <a:gd name="T62" fmla="*/ 392 w 481"/>
              <a:gd name="T63" fmla="*/ 10 h 296"/>
              <a:gd name="T64" fmla="*/ 413 w 481"/>
              <a:gd name="T65" fmla="*/ 31 h 296"/>
              <a:gd name="T66" fmla="*/ 413 w 481"/>
              <a:gd name="T67" fmla="*/ 231 h 296"/>
              <a:gd name="T68" fmla="*/ 392 w 481"/>
              <a:gd name="T69" fmla="*/ 252 h 296"/>
              <a:gd name="T70" fmla="*/ 90 w 481"/>
              <a:gd name="T71" fmla="*/ 252 h 296"/>
              <a:gd name="T72" fmla="*/ 68 w 481"/>
              <a:gd name="T73" fmla="*/ 231 h 296"/>
              <a:gd name="T74" fmla="*/ 68 w 481"/>
              <a:gd name="T75" fmla="*/ 31 h 296"/>
              <a:gd name="T76" fmla="*/ 459 w 481"/>
              <a:gd name="T77" fmla="*/ 286 h 296"/>
              <a:gd name="T78" fmla="*/ 22 w 481"/>
              <a:gd name="T79" fmla="*/ 286 h 296"/>
              <a:gd name="T80" fmla="*/ 10 w 481"/>
              <a:gd name="T81" fmla="*/ 274 h 296"/>
              <a:gd name="T82" fmla="*/ 22 w 481"/>
              <a:gd name="T83" fmla="*/ 262 h 296"/>
              <a:gd name="T84" fmla="*/ 459 w 481"/>
              <a:gd name="T85" fmla="*/ 262 h 296"/>
              <a:gd name="T86" fmla="*/ 472 w 481"/>
              <a:gd name="T87" fmla="*/ 274 h 296"/>
              <a:gd name="T88" fmla="*/ 459 w 481"/>
              <a:gd name="T89" fmla="*/ 286 h 29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</a:cxnLst>
            <a:rect l="0" t="0" r="r" b="b"/>
            <a:pathLst>
              <a:path w="481" h="296">
                <a:moveTo>
                  <a:pt x="97" y="231"/>
                </a:moveTo>
                <a:cubicBezTo>
                  <a:pt x="385" y="231"/>
                  <a:pt x="385" y="231"/>
                  <a:pt x="385" y="231"/>
                </a:cubicBezTo>
                <a:cubicBezTo>
                  <a:pt x="387" y="231"/>
                  <a:pt x="389" y="229"/>
                  <a:pt x="389" y="227"/>
                </a:cubicBezTo>
                <a:cubicBezTo>
                  <a:pt x="389" y="35"/>
                  <a:pt x="389" y="35"/>
                  <a:pt x="389" y="35"/>
                </a:cubicBezTo>
                <a:cubicBezTo>
                  <a:pt x="389" y="33"/>
                  <a:pt x="387" y="31"/>
                  <a:pt x="385" y="31"/>
                </a:cubicBezTo>
                <a:cubicBezTo>
                  <a:pt x="97" y="31"/>
                  <a:pt x="97" y="31"/>
                  <a:pt x="97" y="31"/>
                </a:cubicBezTo>
                <a:cubicBezTo>
                  <a:pt x="94" y="31"/>
                  <a:pt x="92" y="33"/>
                  <a:pt x="92" y="35"/>
                </a:cubicBezTo>
                <a:cubicBezTo>
                  <a:pt x="92" y="227"/>
                  <a:pt x="92" y="227"/>
                  <a:pt x="92" y="227"/>
                </a:cubicBezTo>
                <a:cubicBezTo>
                  <a:pt x="92" y="229"/>
                  <a:pt x="94" y="231"/>
                  <a:pt x="97" y="231"/>
                </a:cubicBezTo>
                <a:close/>
                <a:moveTo>
                  <a:pt x="102" y="40"/>
                </a:moveTo>
                <a:cubicBezTo>
                  <a:pt x="380" y="40"/>
                  <a:pt x="380" y="40"/>
                  <a:pt x="380" y="40"/>
                </a:cubicBezTo>
                <a:cubicBezTo>
                  <a:pt x="380" y="222"/>
                  <a:pt x="380" y="222"/>
                  <a:pt x="380" y="222"/>
                </a:cubicBezTo>
                <a:cubicBezTo>
                  <a:pt x="102" y="222"/>
                  <a:pt x="102" y="222"/>
                  <a:pt x="102" y="222"/>
                </a:cubicBezTo>
                <a:lnTo>
                  <a:pt x="102" y="40"/>
                </a:lnTo>
                <a:close/>
                <a:moveTo>
                  <a:pt x="459" y="252"/>
                </a:moveTo>
                <a:cubicBezTo>
                  <a:pt x="414" y="252"/>
                  <a:pt x="414" y="252"/>
                  <a:pt x="414" y="252"/>
                </a:cubicBezTo>
                <a:cubicBezTo>
                  <a:pt x="419" y="247"/>
                  <a:pt x="422" y="239"/>
                  <a:pt x="422" y="231"/>
                </a:cubicBezTo>
                <a:cubicBezTo>
                  <a:pt x="422" y="31"/>
                  <a:pt x="422" y="31"/>
                  <a:pt x="422" y="31"/>
                </a:cubicBezTo>
                <a:cubicBezTo>
                  <a:pt x="422" y="14"/>
                  <a:pt x="409" y="0"/>
                  <a:pt x="392" y="0"/>
                </a:cubicBezTo>
                <a:cubicBezTo>
                  <a:pt x="90" y="0"/>
                  <a:pt x="90" y="0"/>
                  <a:pt x="90" y="0"/>
                </a:cubicBezTo>
                <a:cubicBezTo>
                  <a:pt x="73" y="0"/>
                  <a:pt x="59" y="14"/>
                  <a:pt x="59" y="31"/>
                </a:cubicBezTo>
                <a:cubicBezTo>
                  <a:pt x="59" y="231"/>
                  <a:pt x="59" y="231"/>
                  <a:pt x="59" y="231"/>
                </a:cubicBezTo>
                <a:cubicBezTo>
                  <a:pt x="59" y="239"/>
                  <a:pt x="62" y="247"/>
                  <a:pt x="68" y="252"/>
                </a:cubicBezTo>
                <a:cubicBezTo>
                  <a:pt x="22" y="252"/>
                  <a:pt x="22" y="252"/>
                  <a:pt x="22" y="252"/>
                </a:cubicBezTo>
                <a:cubicBezTo>
                  <a:pt x="10" y="252"/>
                  <a:pt x="0" y="262"/>
                  <a:pt x="0" y="274"/>
                </a:cubicBezTo>
                <a:cubicBezTo>
                  <a:pt x="0" y="286"/>
                  <a:pt x="10" y="296"/>
                  <a:pt x="22" y="296"/>
                </a:cubicBezTo>
                <a:cubicBezTo>
                  <a:pt x="459" y="296"/>
                  <a:pt x="459" y="296"/>
                  <a:pt x="459" y="296"/>
                </a:cubicBezTo>
                <a:cubicBezTo>
                  <a:pt x="471" y="296"/>
                  <a:pt x="481" y="286"/>
                  <a:pt x="481" y="274"/>
                </a:cubicBezTo>
                <a:cubicBezTo>
                  <a:pt x="481" y="262"/>
                  <a:pt x="471" y="252"/>
                  <a:pt x="459" y="252"/>
                </a:cubicBezTo>
                <a:close/>
                <a:moveTo>
                  <a:pt x="68" y="31"/>
                </a:moveTo>
                <a:cubicBezTo>
                  <a:pt x="68" y="19"/>
                  <a:pt x="78" y="10"/>
                  <a:pt x="90" y="10"/>
                </a:cubicBezTo>
                <a:cubicBezTo>
                  <a:pt x="392" y="10"/>
                  <a:pt x="392" y="10"/>
                  <a:pt x="392" y="10"/>
                </a:cubicBezTo>
                <a:cubicBezTo>
                  <a:pt x="404" y="10"/>
                  <a:pt x="413" y="19"/>
                  <a:pt x="413" y="31"/>
                </a:cubicBezTo>
                <a:cubicBezTo>
                  <a:pt x="413" y="231"/>
                  <a:pt x="413" y="231"/>
                  <a:pt x="413" y="231"/>
                </a:cubicBezTo>
                <a:cubicBezTo>
                  <a:pt x="413" y="243"/>
                  <a:pt x="404" y="252"/>
                  <a:pt x="392" y="252"/>
                </a:cubicBezTo>
                <a:cubicBezTo>
                  <a:pt x="90" y="252"/>
                  <a:pt x="90" y="252"/>
                  <a:pt x="90" y="252"/>
                </a:cubicBezTo>
                <a:cubicBezTo>
                  <a:pt x="78" y="252"/>
                  <a:pt x="68" y="243"/>
                  <a:pt x="68" y="231"/>
                </a:cubicBezTo>
                <a:lnTo>
                  <a:pt x="68" y="31"/>
                </a:lnTo>
                <a:close/>
                <a:moveTo>
                  <a:pt x="459" y="286"/>
                </a:moveTo>
                <a:cubicBezTo>
                  <a:pt x="22" y="286"/>
                  <a:pt x="22" y="286"/>
                  <a:pt x="22" y="286"/>
                </a:cubicBezTo>
                <a:cubicBezTo>
                  <a:pt x="15" y="286"/>
                  <a:pt x="10" y="281"/>
                  <a:pt x="10" y="274"/>
                </a:cubicBezTo>
                <a:cubicBezTo>
                  <a:pt x="10" y="267"/>
                  <a:pt x="15" y="262"/>
                  <a:pt x="22" y="262"/>
                </a:cubicBezTo>
                <a:cubicBezTo>
                  <a:pt x="459" y="262"/>
                  <a:pt x="459" y="262"/>
                  <a:pt x="459" y="262"/>
                </a:cubicBezTo>
                <a:cubicBezTo>
                  <a:pt x="466" y="262"/>
                  <a:pt x="472" y="267"/>
                  <a:pt x="472" y="274"/>
                </a:cubicBezTo>
                <a:cubicBezTo>
                  <a:pt x="472" y="281"/>
                  <a:pt x="466" y="286"/>
                  <a:pt x="459" y="286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sp>
        <p:nvSpPr>
          <p:cNvPr id="28" name="Freeform 93">
            <a:extLst>
              <a:ext uri="{FF2B5EF4-FFF2-40B4-BE49-F238E27FC236}">
                <a16:creationId xmlns:a16="http://schemas.microsoft.com/office/drawing/2014/main" id="{17576C7F-AB42-4E88-F888-0BE2ABBA910A}"/>
              </a:ext>
            </a:extLst>
          </p:cNvPr>
          <p:cNvSpPr>
            <a:spLocks noEditPoints="1"/>
          </p:cNvSpPr>
          <p:nvPr/>
        </p:nvSpPr>
        <p:spPr bwMode="auto">
          <a:xfrm>
            <a:off x="12052159" y="3123760"/>
            <a:ext cx="650625" cy="818425"/>
          </a:xfrm>
          <a:custGeom>
            <a:avLst/>
            <a:gdLst>
              <a:gd name="T0" fmla="*/ 486 w 486"/>
              <a:gd name="T1" fmla="*/ 163 h 630"/>
              <a:gd name="T2" fmla="*/ 485 w 486"/>
              <a:gd name="T3" fmla="*/ 161 h 630"/>
              <a:gd name="T4" fmla="*/ 484 w 486"/>
              <a:gd name="T5" fmla="*/ 160 h 630"/>
              <a:gd name="T6" fmla="*/ 326 w 486"/>
              <a:gd name="T7" fmla="*/ 2 h 630"/>
              <a:gd name="T8" fmla="*/ 325 w 486"/>
              <a:gd name="T9" fmla="*/ 1 h 630"/>
              <a:gd name="T10" fmla="*/ 323 w 486"/>
              <a:gd name="T11" fmla="*/ 1 h 630"/>
              <a:gd name="T12" fmla="*/ 122 w 486"/>
              <a:gd name="T13" fmla="*/ 0 h 630"/>
              <a:gd name="T14" fmla="*/ 115 w 486"/>
              <a:gd name="T15" fmla="*/ 137 h 630"/>
              <a:gd name="T16" fmla="*/ 0 w 486"/>
              <a:gd name="T17" fmla="*/ 144 h 630"/>
              <a:gd name="T18" fmla="*/ 7 w 486"/>
              <a:gd name="T19" fmla="*/ 630 h 630"/>
              <a:gd name="T20" fmla="*/ 372 w 486"/>
              <a:gd name="T21" fmla="*/ 623 h 630"/>
              <a:gd name="T22" fmla="*/ 479 w 486"/>
              <a:gd name="T23" fmla="*/ 493 h 630"/>
              <a:gd name="T24" fmla="*/ 486 w 486"/>
              <a:gd name="T25" fmla="*/ 165 h 630"/>
              <a:gd name="T26" fmla="*/ 329 w 486"/>
              <a:gd name="T27" fmla="*/ 24 h 630"/>
              <a:gd name="T28" fmla="*/ 329 w 486"/>
              <a:gd name="T29" fmla="*/ 158 h 630"/>
              <a:gd name="T30" fmla="*/ 358 w 486"/>
              <a:gd name="T31" fmla="*/ 616 h 630"/>
              <a:gd name="T32" fmla="*/ 14 w 486"/>
              <a:gd name="T33" fmla="*/ 151 h 630"/>
              <a:gd name="T34" fmla="*/ 200 w 486"/>
              <a:gd name="T35" fmla="*/ 302 h 630"/>
              <a:gd name="T36" fmla="*/ 358 w 486"/>
              <a:gd name="T37" fmla="*/ 309 h 630"/>
              <a:gd name="T38" fmla="*/ 348 w 486"/>
              <a:gd name="T39" fmla="*/ 295 h 630"/>
              <a:gd name="T40" fmla="*/ 214 w 486"/>
              <a:gd name="T41" fmla="*/ 161 h 630"/>
              <a:gd name="T42" fmla="*/ 372 w 486"/>
              <a:gd name="T43" fmla="*/ 479 h 630"/>
              <a:gd name="T44" fmla="*/ 372 w 486"/>
              <a:gd name="T45" fmla="*/ 301 h 630"/>
              <a:gd name="T46" fmla="*/ 371 w 486"/>
              <a:gd name="T47" fmla="*/ 299 h 630"/>
              <a:gd name="T48" fmla="*/ 371 w 486"/>
              <a:gd name="T49" fmla="*/ 298 h 630"/>
              <a:gd name="T50" fmla="*/ 212 w 486"/>
              <a:gd name="T51" fmla="*/ 139 h 630"/>
              <a:gd name="T52" fmla="*/ 211 w 486"/>
              <a:gd name="T53" fmla="*/ 138 h 630"/>
              <a:gd name="T54" fmla="*/ 210 w 486"/>
              <a:gd name="T55" fmla="*/ 138 h 630"/>
              <a:gd name="T56" fmla="*/ 207 w 486"/>
              <a:gd name="T57" fmla="*/ 137 h 630"/>
              <a:gd name="T58" fmla="*/ 129 w 486"/>
              <a:gd name="T59" fmla="*/ 14 h 630"/>
              <a:gd name="T60" fmla="*/ 315 w 486"/>
              <a:gd name="T61" fmla="*/ 165 h 630"/>
              <a:gd name="T62" fmla="*/ 472 w 486"/>
              <a:gd name="T63" fmla="*/ 172 h 630"/>
              <a:gd name="T64" fmla="*/ 372 w 486"/>
              <a:gd name="T65" fmla="*/ 479 h 63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</a:cxnLst>
            <a:rect l="0" t="0" r="r" b="b"/>
            <a:pathLst>
              <a:path w="486" h="630">
                <a:moveTo>
                  <a:pt x="486" y="164"/>
                </a:moveTo>
                <a:cubicBezTo>
                  <a:pt x="486" y="163"/>
                  <a:pt x="486" y="163"/>
                  <a:pt x="486" y="163"/>
                </a:cubicBezTo>
                <a:cubicBezTo>
                  <a:pt x="486" y="162"/>
                  <a:pt x="486" y="162"/>
                  <a:pt x="486" y="162"/>
                </a:cubicBezTo>
                <a:cubicBezTo>
                  <a:pt x="486" y="162"/>
                  <a:pt x="486" y="162"/>
                  <a:pt x="485" y="161"/>
                </a:cubicBezTo>
                <a:cubicBezTo>
                  <a:pt x="485" y="161"/>
                  <a:pt x="485" y="161"/>
                  <a:pt x="485" y="161"/>
                </a:cubicBezTo>
                <a:cubicBezTo>
                  <a:pt x="485" y="161"/>
                  <a:pt x="485" y="160"/>
                  <a:pt x="484" y="160"/>
                </a:cubicBezTo>
                <a:cubicBezTo>
                  <a:pt x="327" y="2"/>
                  <a:pt x="327" y="2"/>
                  <a:pt x="327" y="2"/>
                </a:cubicBezTo>
                <a:cubicBezTo>
                  <a:pt x="327" y="2"/>
                  <a:pt x="326" y="2"/>
                  <a:pt x="326" y="2"/>
                </a:cubicBezTo>
                <a:cubicBezTo>
                  <a:pt x="326" y="2"/>
                  <a:pt x="326" y="2"/>
                  <a:pt x="326" y="1"/>
                </a:cubicBezTo>
                <a:cubicBezTo>
                  <a:pt x="325" y="1"/>
                  <a:pt x="325" y="1"/>
                  <a:pt x="325" y="1"/>
                </a:cubicBezTo>
                <a:cubicBezTo>
                  <a:pt x="324" y="1"/>
                  <a:pt x="324" y="1"/>
                  <a:pt x="324" y="1"/>
                </a:cubicBezTo>
                <a:cubicBezTo>
                  <a:pt x="324" y="1"/>
                  <a:pt x="324" y="1"/>
                  <a:pt x="323" y="1"/>
                </a:cubicBezTo>
                <a:cubicBezTo>
                  <a:pt x="323" y="0"/>
                  <a:pt x="322" y="0"/>
                  <a:pt x="322" y="0"/>
                </a:cubicBezTo>
                <a:cubicBezTo>
                  <a:pt x="122" y="0"/>
                  <a:pt x="122" y="0"/>
                  <a:pt x="122" y="0"/>
                </a:cubicBezTo>
                <a:cubicBezTo>
                  <a:pt x="118" y="0"/>
                  <a:pt x="115" y="4"/>
                  <a:pt x="115" y="7"/>
                </a:cubicBezTo>
                <a:cubicBezTo>
                  <a:pt x="115" y="137"/>
                  <a:pt x="115" y="137"/>
                  <a:pt x="115" y="137"/>
                </a:cubicBezTo>
                <a:cubicBezTo>
                  <a:pt x="7" y="137"/>
                  <a:pt x="7" y="137"/>
                  <a:pt x="7" y="137"/>
                </a:cubicBezTo>
                <a:cubicBezTo>
                  <a:pt x="3" y="137"/>
                  <a:pt x="0" y="141"/>
                  <a:pt x="0" y="144"/>
                </a:cubicBezTo>
                <a:cubicBezTo>
                  <a:pt x="0" y="623"/>
                  <a:pt x="0" y="623"/>
                  <a:pt x="0" y="623"/>
                </a:cubicBezTo>
                <a:cubicBezTo>
                  <a:pt x="0" y="626"/>
                  <a:pt x="3" y="630"/>
                  <a:pt x="7" y="630"/>
                </a:cubicBezTo>
                <a:cubicBezTo>
                  <a:pt x="365" y="630"/>
                  <a:pt x="365" y="630"/>
                  <a:pt x="365" y="630"/>
                </a:cubicBezTo>
                <a:cubicBezTo>
                  <a:pt x="369" y="630"/>
                  <a:pt x="372" y="626"/>
                  <a:pt x="372" y="623"/>
                </a:cubicBezTo>
                <a:cubicBezTo>
                  <a:pt x="372" y="493"/>
                  <a:pt x="372" y="493"/>
                  <a:pt x="372" y="493"/>
                </a:cubicBezTo>
                <a:cubicBezTo>
                  <a:pt x="479" y="493"/>
                  <a:pt x="479" y="493"/>
                  <a:pt x="479" y="493"/>
                </a:cubicBezTo>
                <a:cubicBezTo>
                  <a:pt x="483" y="493"/>
                  <a:pt x="486" y="489"/>
                  <a:pt x="486" y="486"/>
                </a:cubicBezTo>
                <a:cubicBezTo>
                  <a:pt x="486" y="165"/>
                  <a:pt x="486" y="165"/>
                  <a:pt x="486" y="165"/>
                </a:cubicBezTo>
                <a:cubicBezTo>
                  <a:pt x="486" y="164"/>
                  <a:pt x="486" y="164"/>
                  <a:pt x="486" y="164"/>
                </a:cubicBezTo>
                <a:close/>
                <a:moveTo>
                  <a:pt x="329" y="24"/>
                </a:moveTo>
                <a:cubicBezTo>
                  <a:pt x="463" y="158"/>
                  <a:pt x="463" y="158"/>
                  <a:pt x="463" y="158"/>
                </a:cubicBezTo>
                <a:cubicBezTo>
                  <a:pt x="329" y="158"/>
                  <a:pt x="329" y="158"/>
                  <a:pt x="329" y="158"/>
                </a:cubicBezTo>
                <a:lnTo>
                  <a:pt x="329" y="24"/>
                </a:lnTo>
                <a:close/>
                <a:moveTo>
                  <a:pt x="358" y="616"/>
                </a:moveTo>
                <a:cubicBezTo>
                  <a:pt x="14" y="616"/>
                  <a:pt x="14" y="616"/>
                  <a:pt x="14" y="616"/>
                </a:cubicBezTo>
                <a:cubicBezTo>
                  <a:pt x="14" y="151"/>
                  <a:pt x="14" y="151"/>
                  <a:pt x="14" y="151"/>
                </a:cubicBezTo>
                <a:cubicBezTo>
                  <a:pt x="200" y="151"/>
                  <a:pt x="200" y="151"/>
                  <a:pt x="200" y="151"/>
                </a:cubicBezTo>
                <a:cubicBezTo>
                  <a:pt x="200" y="302"/>
                  <a:pt x="200" y="302"/>
                  <a:pt x="200" y="302"/>
                </a:cubicBezTo>
                <a:cubicBezTo>
                  <a:pt x="200" y="306"/>
                  <a:pt x="203" y="309"/>
                  <a:pt x="207" y="309"/>
                </a:cubicBezTo>
                <a:cubicBezTo>
                  <a:pt x="358" y="309"/>
                  <a:pt x="358" y="309"/>
                  <a:pt x="358" y="309"/>
                </a:cubicBezTo>
                <a:lnTo>
                  <a:pt x="358" y="616"/>
                </a:lnTo>
                <a:close/>
                <a:moveTo>
                  <a:pt x="348" y="295"/>
                </a:moveTo>
                <a:cubicBezTo>
                  <a:pt x="214" y="295"/>
                  <a:pt x="214" y="295"/>
                  <a:pt x="214" y="295"/>
                </a:cubicBezTo>
                <a:cubicBezTo>
                  <a:pt x="214" y="161"/>
                  <a:pt x="214" y="161"/>
                  <a:pt x="214" y="161"/>
                </a:cubicBezTo>
                <a:lnTo>
                  <a:pt x="348" y="295"/>
                </a:lnTo>
                <a:close/>
                <a:moveTo>
                  <a:pt x="372" y="479"/>
                </a:moveTo>
                <a:cubicBezTo>
                  <a:pt x="372" y="302"/>
                  <a:pt x="372" y="302"/>
                  <a:pt x="372" y="302"/>
                </a:cubicBezTo>
                <a:cubicBezTo>
                  <a:pt x="372" y="301"/>
                  <a:pt x="372" y="301"/>
                  <a:pt x="372" y="301"/>
                </a:cubicBezTo>
                <a:cubicBezTo>
                  <a:pt x="372" y="300"/>
                  <a:pt x="371" y="300"/>
                  <a:pt x="371" y="300"/>
                </a:cubicBezTo>
                <a:cubicBezTo>
                  <a:pt x="371" y="299"/>
                  <a:pt x="371" y="299"/>
                  <a:pt x="371" y="299"/>
                </a:cubicBezTo>
                <a:cubicBezTo>
                  <a:pt x="371" y="299"/>
                  <a:pt x="371" y="299"/>
                  <a:pt x="371" y="298"/>
                </a:cubicBezTo>
                <a:cubicBezTo>
                  <a:pt x="371" y="298"/>
                  <a:pt x="371" y="298"/>
                  <a:pt x="371" y="298"/>
                </a:cubicBezTo>
                <a:cubicBezTo>
                  <a:pt x="370" y="298"/>
                  <a:pt x="370" y="297"/>
                  <a:pt x="370" y="297"/>
                </a:cubicBezTo>
                <a:cubicBezTo>
                  <a:pt x="212" y="139"/>
                  <a:pt x="212" y="139"/>
                  <a:pt x="212" y="139"/>
                </a:cubicBezTo>
                <a:cubicBezTo>
                  <a:pt x="212" y="139"/>
                  <a:pt x="211" y="139"/>
                  <a:pt x="211" y="139"/>
                </a:cubicBezTo>
                <a:cubicBezTo>
                  <a:pt x="211" y="139"/>
                  <a:pt x="211" y="138"/>
                  <a:pt x="211" y="138"/>
                </a:cubicBezTo>
                <a:cubicBezTo>
                  <a:pt x="211" y="138"/>
                  <a:pt x="210" y="138"/>
                  <a:pt x="210" y="138"/>
                </a:cubicBezTo>
                <a:cubicBezTo>
                  <a:pt x="210" y="138"/>
                  <a:pt x="210" y="138"/>
                  <a:pt x="210" y="138"/>
                </a:cubicBezTo>
                <a:cubicBezTo>
                  <a:pt x="209" y="138"/>
                  <a:pt x="209" y="138"/>
                  <a:pt x="209" y="138"/>
                </a:cubicBezTo>
                <a:cubicBezTo>
                  <a:pt x="208" y="137"/>
                  <a:pt x="208" y="137"/>
                  <a:pt x="207" y="137"/>
                </a:cubicBezTo>
                <a:cubicBezTo>
                  <a:pt x="129" y="137"/>
                  <a:pt x="129" y="137"/>
                  <a:pt x="129" y="137"/>
                </a:cubicBezTo>
                <a:cubicBezTo>
                  <a:pt x="129" y="14"/>
                  <a:pt x="129" y="14"/>
                  <a:pt x="129" y="14"/>
                </a:cubicBezTo>
                <a:cubicBezTo>
                  <a:pt x="315" y="14"/>
                  <a:pt x="315" y="14"/>
                  <a:pt x="315" y="14"/>
                </a:cubicBezTo>
                <a:cubicBezTo>
                  <a:pt x="315" y="165"/>
                  <a:pt x="315" y="165"/>
                  <a:pt x="315" y="165"/>
                </a:cubicBezTo>
                <a:cubicBezTo>
                  <a:pt x="315" y="169"/>
                  <a:pt x="318" y="172"/>
                  <a:pt x="322" y="172"/>
                </a:cubicBezTo>
                <a:cubicBezTo>
                  <a:pt x="472" y="172"/>
                  <a:pt x="472" y="172"/>
                  <a:pt x="472" y="172"/>
                </a:cubicBezTo>
                <a:cubicBezTo>
                  <a:pt x="472" y="479"/>
                  <a:pt x="472" y="479"/>
                  <a:pt x="472" y="479"/>
                </a:cubicBezTo>
                <a:lnTo>
                  <a:pt x="372" y="479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16" name="Slide Zoom 15">
                <a:extLst>
                  <a:ext uri="{FF2B5EF4-FFF2-40B4-BE49-F238E27FC236}">
                    <a16:creationId xmlns:a16="http://schemas.microsoft.com/office/drawing/2014/main" id="{ED0A6851-6925-C230-75D8-E45B084ED0E1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3863871734"/>
                  </p:ext>
                </p:extLst>
              </p:nvPr>
            </p:nvGraphicFramePr>
            <p:xfrm>
              <a:off x="555347" y="2470589"/>
              <a:ext cx="3272690" cy="1840888"/>
            </p:xfrm>
            <a:graphic>
              <a:graphicData uri="http://schemas.microsoft.com/office/powerpoint/2016/slidezoom">
                <pslz:sldZm>
                  <pslz:sldZmObj sldId="303" cId="4291450603">
                    <pslz:zmPr id="{21E31C33-4214-4190-B879-C8CDFC96263B}" returnToParent="0" transitionDur="1000">
                      <p166:blipFill xmlns:p166="http://schemas.microsoft.com/office/powerpoint/2016/6/main">
                        <a:blip r:embed="rId4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272690" cy="1840888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16" name="Slide Zoom 15">
                <a:extLst>
                  <a:ext uri="{FF2B5EF4-FFF2-40B4-BE49-F238E27FC236}">
                    <a16:creationId xmlns:a16="http://schemas.microsoft.com/office/drawing/2014/main" id="{ED0A6851-6925-C230-75D8-E45B084ED0E1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4"/>
              <a:stretch>
                <a:fillRect/>
              </a:stretch>
            </p:blipFill>
            <p:spPr>
              <a:xfrm>
                <a:off x="555347" y="2470589"/>
                <a:ext cx="3272690" cy="1840888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18" name="Slide Zoom 17">
                <a:extLst>
                  <a:ext uri="{FF2B5EF4-FFF2-40B4-BE49-F238E27FC236}">
                    <a16:creationId xmlns:a16="http://schemas.microsoft.com/office/drawing/2014/main" id="{97E1590D-3842-2DE4-EF8D-D8CD0B371047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2827323905"/>
                  </p:ext>
                </p:extLst>
              </p:nvPr>
            </p:nvGraphicFramePr>
            <p:xfrm>
              <a:off x="4195050" y="2475175"/>
              <a:ext cx="3108960" cy="1836302"/>
            </p:xfrm>
            <a:graphic>
              <a:graphicData uri="http://schemas.microsoft.com/office/powerpoint/2016/slidezoom">
                <pslz:sldZm>
                  <pslz:sldZmObj sldId="304" cId="1725819312">
                    <pslz:zmPr id="{3FE6DF57-09DD-47B7-B156-8791889BC57F}" returnToParent="0" transitionDur="1000">
                      <p166:blipFill xmlns:p166="http://schemas.microsoft.com/office/powerpoint/2016/6/main">
                        <a:blip r:embed="rId5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108960" cy="1836302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18" name="Slide Zoom 17">
                <a:extLst>
                  <a:ext uri="{FF2B5EF4-FFF2-40B4-BE49-F238E27FC236}">
                    <a16:creationId xmlns:a16="http://schemas.microsoft.com/office/drawing/2014/main" id="{97E1590D-3842-2DE4-EF8D-D8CD0B371047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5"/>
              <a:stretch>
                <a:fillRect/>
              </a:stretch>
            </p:blipFill>
            <p:spPr>
              <a:xfrm>
                <a:off x="4195050" y="2475175"/>
                <a:ext cx="3108960" cy="1836302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22" name="Slide Zoom 21">
                <a:extLst>
                  <a:ext uri="{FF2B5EF4-FFF2-40B4-BE49-F238E27FC236}">
                    <a16:creationId xmlns:a16="http://schemas.microsoft.com/office/drawing/2014/main" id="{B60B64B9-FFA2-8E6F-9D4F-A4E4992AC34B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3932349640"/>
                  </p:ext>
                </p:extLst>
              </p:nvPr>
            </p:nvGraphicFramePr>
            <p:xfrm>
              <a:off x="7564272" y="2470588"/>
              <a:ext cx="3108960" cy="1836301"/>
            </p:xfrm>
            <a:graphic>
              <a:graphicData uri="http://schemas.microsoft.com/office/powerpoint/2016/slidezoom">
                <pslz:sldZm>
                  <pslz:sldZmObj sldId="310" cId="78558442">
                    <pslz:zmPr id="{F4487927-C6AE-4622-914F-DB1014F3147B}" returnToParent="0" transitionDur="1000">
                      <p166:blipFill xmlns:p166="http://schemas.microsoft.com/office/powerpoint/2016/6/main">
                        <a:blip r:embed="rId6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108960" cy="1836301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22" name="Slide Zoom 21">
                <a:extLst>
                  <a:ext uri="{FF2B5EF4-FFF2-40B4-BE49-F238E27FC236}">
                    <a16:creationId xmlns:a16="http://schemas.microsoft.com/office/drawing/2014/main" id="{B60B64B9-FFA2-8E6F-9D4F-A4E4992AC34B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6"/>
              <a:stretch>
                <a:fillRect/>
              </a:stretch>
            </p:blipFill>
            <p:spPr>
              <a:xfrm>
                <a:off x="7564272" y="2470588"/>
                <a:ext cx="3108960" cy="1836301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27" name="Slide Zoom 26">
                <a:extLst>
                  <a:ext uri="{FF2B5EF4-FFF2-40B4-BE49-F238E27FC236}">
                    <a16:creationId xmlns:a16="http://schemas.microsoft.com/office/drawing/2014/main" id="{216198A7-9AFD-4B1D-3D12-CA66742A1E80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1472379039"/>
                  </p:ext>
                </p:extLst>
              </p:nvPr>
            </p:nvGraphicFramePr>
            <p:xfrm>
              <a:off x="10951288" y="2461209"/>
              <a:ext cx="3203626" cy="1845680"/>
            </p:xfrm>
            <a:graphic>
              <a:graphicData uri="http://schemas.microsoft.com/office/powerpoint/2016/slidezoom">
                <pslz:sldZm>
                  <pslz:sldZmObj sldId="311" cId="3844001822">
                    <pslz:zmPr id="{4206CF5C-F8DD-40A6-86E0-DD38462F8F09}" returnToParent="0" transitionDur="1000">
                      <p166:blipFill xmlns:p166="http://schemas.microsoft.com/office/powerpoint/2016/6/main">
                        <a:blip r:embed="rId7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203626" cy="1845680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27" name="Slide Zoom 26">
                <a:extLst>
                  <a:ext uri="{FF2B5EF4-FFF2-40B4-BE49-F238E27FC236}">
                    <a16:creationId xmlns:a16="http://schemas.microsoft.com/office/drawing/2014/main" id="{216198A7-9AFD-4B1D-3D12-CA66742A1E80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7"/>
              <a:stretch>
                <a:fillRect/>
              </a:stretch>
            </p:blipFill>
            <p:spPr>
              <a:xfrm>
                <a:off x="10951288" y="2461209"/>
                <a:ext cx="3203626" cy="1845680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</p:spTree>
    <p:custDataLst>
      <p:tags r:id="rId1"/>
    </p:custDataLst>
    <p:extLst>
      <p:ext uri="{BB962C8B-B14F-4D97-AF65-F5344CB8AC3E}">
        <p14:creationId xmlns:p14="http://schemas.microsoft.com/office/powerpoint/2010/main" val="2538822028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AA047390-0B64-6734-7D39-671B7D01F4A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FFB4647B-640B-90F0-911C-09E258D1F45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/>
              <a:t>Credit Score : Analysis</a:t>
            </a:r>
            <a:endParaRPr lang="en-US" sz="2800" dirty="0"/>
          </a:p>
        </p:txBody>
      </p:sp>
      <p:sp>
        <p:nvSpPr>
          <p:cNvPr id="9" name="PageNumber">
            <a:extLst>
              <a:ext uri="{FF2B5EF4-FFF2-40B4-BE49-F238E27FC236}">
                <a16:creationId xmlns:a16="http://schemas.microsoft.com/office/drawing/2014/main" id="{AA6C1FFB-AFB4-9289-91F5-CE6CC0258577}"/>
              </a:ext>
            </a:extLst>
          </p:cNvPr>
          <p:cNvSpPr txBox="1"/>
          <p:nvPr/>
        </p:nvSpPr>
        <p:spPr>
          <a:xfrm>
            <a:off x="7150608" y="7507224"/>
            <a:ext cx="329184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90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  <a:endParaRPr lang="en-US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graphicFrame>
        <p:nvGraphicFramePr>
          <p:cNvPr id="11" name="Table 10">
            <a:extLst>
              <a:ext uri="{FF2B5EF4-FFF2-40B4-BE49-F238E27FC236}">
                <a16:creationId xmlns:a16="http://schemas.microsoft.com/office/drawing/2014/main" id="{744648B3-C249-3306-54C9-C87E7910DE5D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243133608"/>
              </p:ext>
            </p:extLst>
          </p:nvPr>
        </p:nvGraphicFramePr>
        <p:xfrm>
          <a:off x="7208451" y="3449429"/>
          <a:ext cx="6719777" cy="2238685"/>
        </p:xfrm>
        <a:graphic>
          <a:graphicData uri="http://schemas.openxmlformats.org/drawingml/2006/table">
            <a:tbl>
              <a:tblPr firstRow="1">
                <a:tableStyleId>{B301B821-A1FF-4177-AEE7-76D212191A09}</a:tableStyleId>
              </a:tblPr>
              <a:tblGrid>
                <a:gridCol w="1449117">
                  <a:extLst>
                    <a:ext uri="{9D8B030D-6E8A-4147-A177-3AD203B41FA5}">
                      <a16:colId xmlns:a16="http://schemas.microsoft.com/office/drawing/2014/main" val="711991646"/>
                    </a:ext>
                  </a:extLst>
                </a:gridCol>
                <a:gridCol w="2206378">
                  <a:extLst>
                    <a:ext uri="{9D8B030D-6E8A-4147-A177-3AD203B41FA5}">
                      <a16:colId xmlns:a16="http://schemas.microsoft.com/office/drawing/2014/main" val="719230031"/>
                    </a:ext>
                  </a:extLst>
                </a:gridCol>
                <a:gridCol w="1736936">
                  <a:extLst>
                    <a:ext uri="{9D8B030D-6E8A-4147-A177-3AD203B41FA5}">
                      <a16:colId xmlns:a16="http://schemas.microsoft.com/office/drawing/2014/main" val="670271090"/>
                    </a:ext>
                  </a:extLst>
                </a:gridCol>
                <a:gridCol w="1327346">
                  <a:extLst>
                    <a:ext uri="{9D8B030D-6E8A-4147-A177-3AD203B41FA5}">
                      <a16:colId xmlns:a16="http://schemas.microsoft.com/office/drawing/2014/main" val="777553965"/>
                    </a:ext>
                  </a:extLst>
                </a:gridCol>
              </a:tblGrid>
              <a:tr h="664975"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Credit Score Range 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Total Applications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 Accepted Applications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 Acceptance Rate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789218056"/>
                  </a:ext>
                </a:extLst>
              </a:tr>
              <a:tr h="262285"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0-199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21058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17708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84.09%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786618734"/>
                  </a:ext>
                </a:extLst>
              </a:tr>
              <a:tr h="262285"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200-399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0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0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NAN%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290118017"/>
                  </a:ext>
                </a:extLst>
              </a:tr>
              <a:tr h="262285"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400-599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19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0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0.00%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515328004"/>
                  </a:ext>
                </a:extLst>
              </a:tr>
              <a:tr h="262285"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600-799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2545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1401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55.05%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344280695"/>
                  </a:ext>
                </a:extLst>
              </a:tr>
              <a:tr h="262285"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800-999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10289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8866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86.17%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429526758"/>
                  </a:ext>
                </a:extLst>
              </a:tr>
              <a:tr h="262285"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>
                          <a:effectLst/>
                        </a:rPr>
                        <a:t>1000-1199</a:t>
                      </a:r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2404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2161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u="none" strike="noStrike" dirty="0">
                          <a:effectLst/>
                        </a:rPr>
                        <a:t>89.89%</a:t>
                      </a:r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Aptos Narrow" panose="020B000402020202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711084429"/>
                  </a:ext>
                </a:extLst>
              </a:tr>
            </a:tbl>
          </a:graphicData>
        </a:graphic>
      </p:graphicFrame>
      <p:pic>
        <p:nvPicPr>
          <p:cNvPr id="2052" name="Picture 4">
            <a:extLst>
              <a:ext uri="{FF2B5EF4-FFF2-40B4-BE49-F238E27FC236}">
                <a16:creationId xmlns:a16="http://schemas.microsoft.com/office/drawing/2014/main" id="{021E82DE-5822-D366-2308-817B7DC439B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5424" y="1358340"/>
            <a:ext cx="5792424" cy="336900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4" name="Picture 6">
            <a:extLst>
              <a:ext uri="{FF2B5EF4-FFF2-40B4-BE49-F238E27FC236}">
                <a16:creationId xmlns:a16="http://schemas.microsoft.com/office/drawing/2014/main" id="{A343CD01-3779-64C1-DE76-16964621C2F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02172" y="4789131"/>
            <a:ext cx="5685674" cy="339315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TextBox 11">
            <a:extLst>
              <a:ext uri="{FF2B5EF4-FFF2-40B4-BE49-F238E27FC236}">
                <a16:creationId xmlns:a16="http://schemas.microsoft.com/office/drawing/2014/main" id="{BCFA4981-8650-B590-28D3-12C069AABDDE}"/>
              </a:ext>
            </a:extLst>
          </p:cNvPr>
          <p:cNvSpPr txBox="1"/>
          <p:nvPr/>
        </p:nvSpPr>
        <p:spPr>
          <a:xfrm flipH="1">
            <a:off x="7150607" y="1495667"/>
            <a:ext cx="6777620" cy="1819216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288925" indent="-285750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tx2"/>
                </a:solidFill>
                <a:latin typeface="AmplitudeTF" panose="02000506050000020004" pitchFamily="50" charset="0"/>
              </a:rPr>
              <a:t>This analysis between credit score and loan application acceptance indicate a strong correlation between higher credit scores and increased acceptance rates. </a:t>
            </a:r>
          </a:p>
          <a:p>
            <a:pPr marL="288925" indent="-285750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chemeClr val="tx2"/>
                </a:solidFill>
                <a:latin typeface="AmplitudeTF" panose="02000506050000020004" pitchFamily="50" charset="0"/>
              </a:rPr>
              <a:t>Applicants with credit scores in the </a:t>
            </a:r>
            <a:r>
              <a:rPr lang="en-US" sz="1600" b="1" dirty="0">
                <a:solidFill>
                  <a:schemeClr val="tx2"/>
                </a:solidFill>
                <a:latin typeface="AmplitudeTF" panose="02000506050000020004" pitchFamily="50" charset="0"/>
              </a:rPr>
              <a:t>800-999</a:t>
            </a:r>
            <a:r>
              <a:rPr lang="en-US" sz="1600" dirty="0">
                <a:solidFill>
                  <a:schemeClr val="tx2"/>
                </a:solidFill>
                <a:latin typeface="AmplitudeTF" panose="02000506050000020004" pitchFamily="50" charset="0"/>
              </a:rPr>
              <a:t> range have the highest acceptance rate (</a:t>
            </a:r>
            <a:r>
              <a:rPr lang="en-US" sz="1600" b="1" dirty="0">
                <a:solidFill>
                  <a:schemeClr val="tx2"/>
                </a:solidFill>
                <a:latin typeface="AmplitudeTF" panose="02000506050000020004" pitchFamily="50" charset="0"/>
              </a:rPr>
              <a:t>86.17%</a:t>
            </a:r>
            <a:r>
              <a:rPr lang="en-US" sz="1600" dirty="0">
                <a:solidFill>
                  <a:schemeClr val="tx2"/>
                </a:solidFill>
                <a:latin typeface="AmplitudeTF" panose="02000506050000020004" pitchFamily="50" charset="0"/>
              </a:rPr>
              <a:t>), while those with scores below 600 have significantly lower acceptance rates.</a:t>
            </a:r>
            <a:endParaRPr lang="en-IN" sz="1600" dirty="0">
              <a:solidFill>
                <a:schemeClr val="tx2"/>
              </a:solidFill>
              <a:latin typeface="AmplitudeTF" panose="02000506050000020004" pitchFamily="50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80906045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A2F99996-3F62-5DE0-AF4C-F81264B0A4C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3F714F4-9D67-5557-96B0-67481384C4F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Loan Goal : Analysis</a:t>
            </a:r>
          </a:p>
        </p:txBody>
      </p:sp>
      <p:sp>
        <p:nvSpPr>
          <p:cNvPr id="9" name="PageNumber">
            <a:extLst>
              <a:ext uri="{FF2B5EF4-FFF2-40B4-BE49-F238E27FC236}">
                <a16:creationId xmlns:a16="http://schemas.microsoft.com/office/drawing/2014/main" id="{90548513-9470-4486-BC16-6BA389B99339}"/>
              </a:ext>
            </a:extLst>
          </p:cNvPr>
          <p:cNvSpPr txBox="1"/>
          <p:nvPr/>
        </p:nvSpPr>
        <p:spPr>
          <a:xfrm>
            <a:off x="7150608" y="7507224"/>
            <a:ext cx="329184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90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  <a:endParaRPr lang="en-US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DDC419CD-244F-8D0B-12CA-10B50F57F022}"/>
              </a:ext>
            </a:extLst>
          </p:cNvPr>
          <p:cNvSpPr txBox="1"/>
          <p:nvPr/>
        </p:nvSpPr>
        <p:spPr>
          <a:xfrm>
            <a:off x="7910623" y="1637414"/>
            <a:ext cx="6450136" cy="279757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pic>
        <p:nvPicPr>
          <p:cNvPr id="7172" name="Picture 4">
            <a:extLst>
              <a:ext uri="{FF2B5EF4-FFF2-40B4-BE49-F238E27FC236}">
                <a16:creationId xmlns:a16="http://schemas.microsoft.com/office/drawing/2014/main" id="{B1B9A4F5-DF6E-483B-160F-19DF158698D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5062" y="1700784"/>
            <a:ext cx="7224091" cy="561441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TextBox 3">
            <a:extLst>
              <a:ext uri="{FF2B5EF4-FFF2-40B4-BE49-F238E27FC236}">
                <a16:creationId xmlns:a16="http://schemas.microsoft.com/office/drawing/2014/main" id="{544B3590-1E99-7EC0-1BD7-63EE9511C7BA}"/>
              </a:ext>
            </a:extLst>
          </p:cNvPr>
          <p:cNvSpPr txBox="1"/>
          <p:nvPr/>
        </p:nvSpPr>
        <p:spPr>
          <a:xfrm>
            <a:off x="7479792" y="1488224"/>
            <a:ext cx="6450136" cy="349909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tabLst/>
            </a:pPr>
            <a:endParaRPr lang="en-US" altLang="en-US" sz="1200" dirty="0">
              <a:solidFill>
                <a:schemeClr val="tx2"/>
              </a:solidFill>
              <a:latin typeface="Arial"/>
            </a:endParaRPr>
          </a:p>
          <a:p>
            <a:pPr marL="288925" marR="0" lvl="0" indent="-285750" fontAlgn="base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b="1" dirty="0">
                <a:solidFill>
                  <a:schemeClr val="tx2"/>
                </a:solidFill>
                <a:latin typeface="AmplitudeTF" panose="02000506050000020004" pitchFamily="50" charset="0"/>
              </a:rPr>
              <a:t>Loan Acceptance Varies</a:t>
            </a:r>
            <a:r>
              <a:rPr lang="en-US" altLang="en-US" sz="1600" dirty="0">
                <a:solidFill>
                  <a:schemeClr val="tx2"/>
                </a:solidFill>
                <a:latin typeface="AmplitudeTF" panose="02000506050000020004" pitchFamily="50" charset="0"/>
              </a:rPr>
              <a:t>: Acceptance rates differ significantly across loan goals and requested amounts. </a:t>
            </a:r>
          </a:p>
          <a:p>
            <a:pPr marL="288925" marR="0" lvl="0" indent="-285750" fontAlgn="base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b="1" dirty="0">
                <a:solidFill>
                  <a:schemeClr val="tx2"/>
                </a:solidFill>
                <a:latin typeface="AmplitudeTF" panose="02000506050000020004" pitchFamily="50" charset="0"/>
              </a:rPr>
              <a:t>High Acceptance: </a:t>
            </a:r>
            <a:r>
              <a:rPr lang="en-US" altLang="en-US" sz="1600" dirty="0">
                <a:solidFill>
                  <a:schemeClr val="tx2"/>
                </a:solidFill>
                <a:latin typeface="AmplitudeTF" panose="02000506050000020004" pitchFamily="50" charset="0"/>
              </a:rPr>
              <a:t>Goals like "Caravan/Camper" consistently show high acceptance rates regardless of the requested amount. </a:t>
            </a:r>
          </a:p>
          <a:p>
            <a:pPr marL="288925" marR="0" lvl="0" indent="-285750" fontAlgn="base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b="1" dirty="0">
                <a:solidFill>
                  <a:schemeClr val="tx2"/>
                </a:solidFill>
                <a:latin typeface="AmplitudeTF" panose="02000506050000020004" pitchFamily="50" charset="0"/>
              </a:rPr>
              <a:t>Low Acceptance: </a:t>
            </a:r>
            <a:r>
              <a:rPr lang="en-US" altLang="en-US" sz="1600" dirty="0">
                <a:solidFill>
                  <a:schemeClr val="tx2"/>
                </a:solidFill>
                <a:latin typeface="AmplitudeTF" panose="02000506050000020004" pitchFamily="50" charset="0"/>
              </a:rPr>
              <a:t>"Business goal" and "Debt restructuring" have consistently low acceptance rates. </a:t>
            </a:r>
          </a:p>
          <a:p>
            <a:pPr marL="288925" marR="0" lvl="0" indent="-285750" fontAlgn="base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b="1" dirty="0">
                <a:solidFill>
                  <a:schemeClr val="tx2"/>
                </a:solidFill>
                <a:latin typeface="AmplitudeTF" panose="02000506050000020004" pitchFamily="50" charset="0"/>
              </a:rPr>
              <a:t>Amount Influence: </a:t>
            </a:r>
            <a:r>
              <a:rPr lang="en-US" altLang="en-US" sz="1600" dirty="0">
                <a:solidFill>
                  <a:schemeClr val="tx2"/>
                </a:solidFill>
                <a:latin typeface="AmplitudeTF" panose="02000506050000020004" pitchFamily="50" charset="0"/>
              </a:rPr>
              <a:t>Acceptance rates for some goals (e.g., "Home Improvement") may vary depending on the requested amount. </a:t>
            </a:r>
          </a:p>
          <a:p>
            <a:pPr algn="l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29411AA4-20C6-385A-1793-5C0EB11F79C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95514685"/>
              </p:ext>
            </p:extLst>
          </p:nvPr>
        </p:nvGraphicFramePr>
        <p:xfrm>
          <a:off x="8552882" y="4553437"/>
          <a:ext cx="4241964" cy="2809093"/>
        </p:xfrm>
        <a:graphic>
          <a:graphicData uri="http://schemas.openxmlformats.org/drawingml/2006/table">
            <a:tbl>
              <a:tblPr firstRow="1">
                <a:tableStyleId>{69012ECD-51FC-41F1-AA8D-1B2483CD663E}</a:tableStyleId>
              </a:tblPr>
              <a:tblGrid>
                <a:gridCol w="2161019">
                  <a:extLst>
                    <a:ext uri="{9D8B030D-6E8A-4147-A177-3AD203B41FA5}">
                      <a16:colId xmlns:a16="http://schemas.microsoft.com/office/drawing/2014/main" val="3554168303"/>
                    </a:ext>
                  </a:extLst>
                </a:gridCol>
                <a:gridCol w="2080945">
                  <a:extLst>
                    <a:ext uri="{9D8B030D-6E8A-4147-A177-3AD203B41FA5}">
                      <a16:colId xmlns:a16="http://schemas.microsoft.com/office/drawing/2014/main" val="2001023501"/>
                    </a:ext>
                  </a:extLst>
                </a:gridCol>
              </a:tblGrid>
              <a:tr h="236219">
                <a:tc>
                  <a:txBody>
                    <a:bodyPr/>
                    <a:lstStyle/>
                    <a:p>
                      <a:pPr algn="ctr" rtl="0" fontAlgn="b"/>
                      <a:r>
                        <a:rPr lang="en-IN" sz="1050" dirty="0">
                          <a:effectLst/>
                        </a:rPr>
                        <a:t>Feature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b"/>
                      <a:r>
                        <a:rPr lang="en-IN" sz="1050" dirty="0">
                          <a:effectLst/>
                        </a:rPr>
                        <a:t>Coefficient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71618495"/>
                  </a:ext>
                </a:extLst>
              </a:tr>
              <a:tr h="271333">
                <a:tc>
                  <a:txBody>
                    <a:bodyPr/>
                    <a:lstStyle/>
                    <a:p>
                      <a:pPr rtl="0" fontAlgn="b"/>
                      <a:r>
                        <a:rPr lang="en-IN" dirty="0">
                          <a:effectLst/>
                        </a:rPr>
                        <a:t>Caravan / Camper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IN" dirty="0">
                          <a:effectLst/>
                        </a:rPr>
                        <a:t>0.84049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445109945"/>
                  </a:ext>
                </a:extLst>
              </a:tr>
              <a:tr h="236219">
                <a:tc>
                  <a:txBody>
                    <a:bodyPr/>
                    <a:lstStyle/>
                    <a:p>
                      <a:pPr rtl="0" fontAlgn="b"/>
                      <a:r>
                        <a:rPr lang="en-IN">
                          <a:effectLst/>
                        </a:rPr>
                        <a:t>Unknown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IN">
                          <a:effectLst/>
                        </a:rPr>
                        <a:t>0.193144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34865990"/>
                  </a:ext>
                </a:extLst>
              </a:tr>
              <a:tr h="271333">
                <a:tc>
                  <a:txBody>
                    <a:bodyPr/>
                    <a:lstStyle/>
                    <a:p>
                      <a:pPr rtl="0" fontAlgn="b"/>
                      <a:r>
                        <a:rPr lang="en-IN">
                          <a:effectLst/>
                        </a:rPr>
                        <a:t>Home improvement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IN">
                          <a:effectLst/>
                        </a:rPr>
                        <a:t>0.124361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268874601"/>
                  </a:ext>
                </a:extLst>
              </a:tr>
              <a:tr h="271333">
                <a:tc>
                  <a:txBody>
                    <a:bodyPr/>
                    <a:lstStyle/>
                    <a:p>
                      <a:pPr rtl="0" fontAlgn="b"/>
                      <a:r>
                        <a:rPr lang="en-IN" dirty="0">
                          <a:effectLst/>
                        </a:rPr>
                        <a:t>Remaining debt home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IN">
                          <a:effectLst/>
                        </a:rPr>
                        <a:t>0.043822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51781034"/>
                  </a:ext>
                </a:extLst>
              </a:tr>
              <a:tr h="271333">
                <a:tc>
                  <a:txBody>
                    <a:bodyPr/>
                    <a:lstStyle/>
                    <a:p>
                      <a:pPr rtl="0" fontAlgn="b"/>
                      <a:r>
                        <a:rPr lang="en-IN">
                          <a:effectLst/>
                        </a:rPr>
                        <a:t>Debt restructuring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IN" dirty="0">
                          <a:effectLst/>
                        </a:rPr>
                        <a:t>-0.033486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25692629"/>
                  </a:ext>
                </a:extLst>
              </a:tr>
              <a:tr h="236219">
                <a:tc>
                  <a:txBody>
                    <a:bodyPr/>
                    <a:lstStyle/>
                    <a:p>
                      <a:pPr rtl="0" fontAlgn="b"/>
                      <a:r>
                        <a:rPr lang="en-IN" dirty="0">
                          <a:effectLst/>
                        </a:rPr>
                        <a:t>Car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IN" dirty="0">
                          <a:effectLst/>
                        </a:rPr>
                        <a:t>-0.042722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48708597"/>
                  </a:ext>
                </a:extLst>
              </a:tr>
              <a:tr h="236219">
                <a:tc>
                  <a:txBody>
                    <a:bodyPr/>
                    <a:lstStyle/>
                    <a:p>
                      <a:pPr rtl="0" fontAlgn="b"/>
                      <a:r>
                        <a:rPr lang="en-IN">
                          <a:effectLst/>
                        </a:rPr>
                        <a:t>Motorcycle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IN" dirty="0">
                          <a:effectLst/>
                        </a:rPr>
                        <a:t>-0.060027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43450835"/>
                  </a:ext>
                </a:extLst>
              </a:tr>
              <a:tr h="236219">
                <a:tc>
                  <a:txBody>
                    <a:bodyPr/>
                    <a:lstStyle/>
                    <a:p>
                      <a:pPr rtl="0" fontAlgn="b"/>
                      <a:r>
                        <a:rPr lang="en-IN">
                          <a:effectLst/>
                        </a:rPr>
                        <a:t>Business goal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IN" dirty="0">
                          <a:effectLst/>
                        </a:rPr>
                        <a:t>-0.088206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99659775"/>
                  </a:ext>
                </a:extLst>
              </a:tr>
              <a:tr h="271333">
                <a:tc>
                  <a:txBody>
                    <a:bodyPr/>
                    <a:lstStyle/>
                    <a:p>
                      <a:pPr rtl="0" fontAlgn="b"/>
                      <a:r>
                        <a:rPr lang="en-IN">
                          <a:effectLst/>
                        </a:rPr>
                        <a:t>Existing loan takeover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IN">
                          <a:effectLst/>
                        </a:rPr>
                        <a:t>-0.091157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82711744"/>
                  </a:ext>
                </a:extLst>
              </a:tr>
              <a:tr h="271333">
                <a:tc>
                  <a:txBody>
                    <a:bodyPr/>
                    <a:lstStyle/>
                    <a:p>
                      <a:pPr rtl="0" fontAlgn="b"/>
                      <a:r>
                        <a:rPr lang="en-IN">
                          <a:effectLst/>
                        </a:rPr>
                        <a:t>Extra spending limit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IN" dirty="0">
                          <a:effectLst/>
                        </a:rPr>
                        <a:t>-0.245964</a:t>
                      </a:r>
                    </a:p>
                  </a:txBody>
                  <a:tcPr marL="28575" marR="28575" marT="19050" marB="1905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55618875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072764027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E8693A1-AE7F-9057-FC65-3CB8C452E53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657A8A2E-CD84-50E9-F6D5-D952C52F416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Behavior Analysis: Employees vs Acceptance</a:t>
            </a:r>
          </a:p>
        </p:txBody>
      </p:sp>
      <p:sp>
        <p:nvSpPr>
          <p:cNvPr id="9" name="PageNumber">
            <a:extLst>
              <a:ext uri="{FF2B5EF4-FFF2-40B4-BE49-F238E27FC236}">
                <a16:creationId xmlns:a16="http://schemas.microsoft.com/office/drawing/2014/main" id="{704CD7F5-42A2-C935-BFBF-8D6BA9ED94E3}"/>
              </a:ext>
            </a:extLst>
          </p:cNvPr>
          <p:cNvSpPr txBox="1"/>
          <p:nvPr/>
        </p:nvSpPr>
        <p:spPr>
          <a:xfrm>
            <a:off x="7150608" y="7507224"/>
            <a:ext cx="329184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90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  <a:endParaRPr lang="en-US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pic>
        <p:nvPicPr>
          <p:cNvPr id="10242" name="Picture 2">
            <a:extLst>
              <a:ext uri="{FF2B5EF4-FFF2-40B4-BE49-F238E27FC236}">
                <a16:creationId xmlns:a16="http://schemas.microsoft.com/office/drawing/2014/main" id="{5A5AB767-9039-7D75-FD31-4C72491C3D3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7659" y="1431417"/>
            <a:ext cx="6424881" cy="317725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44" name="Picture 4">
            <a:extLst>
              <a:ext uri="{FF2B5EF4-FFF2-40B4-BE49-F238E27FC236}">
                <a16:creationId xmlns:a16="http://schemas.microsoft.com/office/drawing/2014/main" id="{BF0FF950-B0A2-388A-D0FA-BFDEB8840EC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22814" y="4590388"/>
            <a:ext cx="7193118" cy="358434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098" name="Picture 2">
            <a:extLst>
              <a:ext uri="{FF2B5EF4-FFF2-40B4-BE49-F238E27FC236}">
                <a16:creationId xmlns:a16="http://schemas.microsoft.com/office/drawing/2014/main" id="{4A5506EB-1250-5CB8-F527-34DD528A2C8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262797" y="1431417"/>
            <a:ext cx="6278738" cy="317725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300145267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7BAF000-D3CD-A5E7-8B2F-75F032CEDE8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0836E3BE-F1FA-E0C8-19FA-C8FA61A547F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Requested Amount vs Acceptance</a:t>
            </a:r>
          </a:p>
        </p:txBody>
      </p:sp>
      <p:sp>
        <p:nvSpPr>
          <p:cNvPr id="9" name="PageNumber">
            <a:extLst>
              <a:ext uri="{FF2B5EF4-FFF2-40B4-BE49-F238E27FC236}">
                <a16:creationId xmlns:a16="http://schemas.microsoft.com/office/drawing/2014/main" id="{C8A0598F-49A3-AD19-0982-15C9660AFE43}"/>
              </a:ext>
            </a:extLst>
          </p:cNvPr>
          <p:cNvSpPr txBox="1"/>
          <p:nvPr/>
        </p:nvSpPr>
        <p:spPr>
          <a:xfrm>
            <a:off x="7150608" y="7507224"/>
            <a:ext cx="329184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90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  <a:endParaRPr lang="en-US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pic>
        <p:nvPicPr>
          <p:cNvPr id="5" name="Picture 10">
            <a:extLst>
              <a:ext uri="{FF2B5EF4-FFF2-40B4-BE49-F238E27FC236}">
                <a16:creationId xmlns:a16="http://schemas.microsoft.com/office/drawing/2014/main" id="{A58DCED7-428E-B48E-996C-D3E9F41C7A5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15876" y="2193266"/>
            <a:ext cx="8663148" cy="543941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Subtitle 18">
            <a:extLst>
              <a:ext uri="{FF2B5EF4-FFF2-40B4-BE49-F238E27FC236}">
                <a16:creationId xmlns:a16="http://schemas.microsoft.com/office/drawing/2014/main" id="{E152A2F8-1904-8AE0-45E7-D4B2BC240A2E}"/>
              </a:ext>
            </a:extLst>
          </p:cNvPr>
          <p:cNvSpPr txBox="1">
            <a:spLocks/>
          </p:cNvSpPr>
          <p:nvPr/>
        </p:nvSpPr>
        <p:spPr>
          <a:xfrm>
            <a:off x="694944" y="1471537"/>
            <a:ext cx="13249656" cy="618590"/>
          </a:xfrm>
          <a:prstGeom prst="rect">
            <a:avLst/>
          </a:prstGeom>
        </p:spPr>
        <p:txBody>
          <a:bodyPr/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600" dirty="0"/>
              <a:t>For loan applications exceeding 100k, revealing that while accepted applications generally have higher requested amounts, offered amounts often fall below the requested amount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97318169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F2824916-0CB8-4F7A-A480-502EE5686C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/>
              <a:t>Objectives</a:t>
            </a:r>
            <a:endParaRPr lang="en-US" sz="2800" dirty="0"/>
          </a:p>
        </p:txBody>
      </p:sp>
      <p:sp>
        <p:nvSpPr>
          <p:cNvPr id="8" name="Content Placeholder 7">
            <a:extLst>
              <a:ext uri="{FF2B5EF4-FFF2-40B4-BE49-F238E27FC236}">
                <a16:creationId xmlns:a16="http://schemas.microsoft.com/office/drawing/2014/main" id="{4AD9B639-3C9C-4049-A9A9-08A8C81775C0}"/>
              </a:ext>
            </a:extLst>
          </p:cNvPr>
          <p:cNvSpPr>
            <a:spLocks noGrp="1"/>
          </p:cNvSpPr>
          <p:nvPr>
            <p:ph sz="quarter" idx="12"/>
          </p:nvPr>
        </p:nvSpPr>
        <p:spPr/>
        <p:txBody>
          <a:bodyPr/>
          <a:lstStyle/>
          <a:p>
            <a:pPr marL="460375" indent="-457200">
              <a:buFont typeface="Wingdings" panose="05000000000000000000" pitchFamily="2" charset="2"/>
              <a:buChar char="§"/>
            </a:pPr>
            <a:r>
              <a:rPr lang="en-US" sz="2400" dirty="0"/>
              <a:t>Business Process Flow</a:t>
            </a:r>
          </a:p>
          <a:p>
            <a:pPr marL="460375" indent="-457200">
              <a:buFont typeface="Wingdings" panose="05000000000000000000" pitchFamily="2" charset="2"/>
              <a:buChar char="§"/>
            </a:pPr>
            <a:r>
              <a:rPr lang="en-US" sz="2400" dirty="0"/>
              <a:t>Variants Of process flow</a:t>
            </a:r>
          </a:p>
          <a:p>
            <a:pPr marL="460375" indent="-457200">
              <a:buFont typeface="Wingdings" panose="05000000000000000000" pitchFamily="2" charset="2"/>
              <a:buChar char="§"/>
            </a:pPr>
            <a:r>
              <a:rPr lang="en-US" sz="2400" dirty="0"/>
              <a:t>Exploratory Data Analysis(EDA)</a:t>
            </a:r>
          </a:p>
          <a:p>
            <a:pPr marL="460375" indent="-457200">
              <a:buFont typeface="Wingdings" panose="05000000000000000000" pitchFamily="2" charset="2"/>
              <a:buChar char="§"/>
            </a:pPr>
            <a:r>
              <a:rPr lang="en-US" sz="2400" dirty="0"/>
              <a:t>Root Cause Analysis For Loan Acceptance</a:t>
            </a:r>
          </a:p>
          <a:p>
            <a:pPr marL="460375" indent="-457200">
              <a:buFont typeface="Wingdings" panose="05000000000000000000" pitchFamily="2" charset="2"/>
              <a:buChar char="§"/>
            </a:pPr>
            <a:r>
              <a:rPr lang="en-US" sz="2400" dirty="0"/>
              <a:t>Root Cause Analysis For Loan Rejection</a:t>
            </a:r>
          </a:p>
          <a:p>
            <a:pPr marL="460375" indent="-457200">
              <a:buFont typeface="Wingdings" panose="05000000000000000000" pitchFamily="2" charset="2"/>
              <a:buChar char="§"/>
            </a:pPr>
            <a:r>
              <a:rPr lang="en-US" sz="2400" dirty="0"/>
              <a:t>Insights &amp; Findings</a:t>
            </a:r>
          </a:p>
          <a:p>
            <a:pPr marL="460375" indent="-457200">
              <a:buFont typeface="Wingdings" panose="05000000000000000000" pitchFamily="2" charset="2"/>
              <a:buChar char="§"/>
            </a:pPr>
            <a:r>
              <a:rPr lang="en-US" sz="2400" dirty="0"/>
              <a:t>Anomalies</a:t>
            </a:r>
          </a:p>
          <a:p>
            <a:pPr marL="460375" indent="-457200">
              <a:buFont typeface="Wingdings" panose="05000000000000000000" pitchFamily="2" charset="2"/>
              <a:buChar char="§"/>
            </a:pPr>
            <a:r>
              <a:rPr lang="en-US" sz="2400" dirty="0"/>
              <a:t>Q&amp;A</a:t>
            </a:r>
            <a:endParaRPr lang="en-US" dirty="0"/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8B7F5574-1466-460F-AC3B-5E7ABAA05ADD}"/>
              </a:ext>
            </a:extLst>
          </p:cNvPr>
          <p:cNvGrpSpPr>
            <a:grpSpLocks/>
          </p:cNvGrpSpPr>
          <p:nvPr/>
        </p:nvGrpSpPr>
        <p:grpSpPr>
          <a:xfrm>
            <a:off x="1330879" y="3208421"/>
            <a:ext cx="2250033" cy="2179078"/>
            <a:chOff x="3989388" y="4322763"/>
            <a:chExt cx="555625" cy="549275"/>
          </a:xfrm>
          <a:solidFill>
            <a:schemeClr val="accent1"/>
          </a:solidFill>
        </p:grpSpPr>
        <p:sp>
          <p:nvSpPr>
            <p:cNvPr id="11" name="Freeform 5">
              <a:extLst>
                <a:ext uri="{FF2B5EF4-FFF2-40B4-BE49-F238E27FC236}">
                  <a16:creationId xmlns:a16="http://schemas.microsoft.com/office/drawing/2014/main" id="{694B336D-48BC-4D68-951B-4A5971C06F15}"/>
                </a:ext>
              </a:extLst>
            </p:cNvPr>
            <p:cNvSpPr>
              <a:spLocks/>
            </p:cNvSpPr>
            <p:nvPr/>
          </p:nvSpPr>
          <p:spPr bwMode="auto">
            <a:xfrm>
              <a:off x="3989388" y="4429125"/>
              <a:ext cx="442913" cy="442913"/>
            </a:xfrm>
            <a:custGeom>
              <a:avLst/>
              <a:gdLst>
                <a:gd name="T0" fmla="*/ 193 w 213"/>
                <a:gd name="T1" fmla="*/ 53 h 213"/>
                <a:gd name="T2" fmla="*/ 191 w 213"/>
                <a:gd name="T3" fmla="*/ 60 h 213"/>
                <a:gd name="T4" fmla="*/ 203 w 213"/>
                <a:gd name="T5" fmla="*/ 107 h 213"/>
                <a:gd name="T6" fmla="*/ 106 w 213"/>
                <a:gd name="T7" fmla="*/ 203 h 213"/>
                <a:gd name="T8" fmla="*/ 10 w 213"/>
                <a:gd name="T9" fmla="*/ 107 h 213"/>
                <a:gd name="T10" fmla="*/ 106 w 213"/>
                <a:gd name="T11" fmla="*/ 10 h 213"/>
                <a:gd name="T12" fmla="*/ 153 w 213"/>
                <a:gd name="T13" fmla="*/ 22 h 213"/>
                <a:gd name="T14" fmla="*/ 160 w 213"/>
                <a:gd name="T15" fmla="*/ 20 h 213"/>
                <a:gd name="T16" fmla="*/ 158 w 213"/>
                <a:gd name="T17" fmla="*/ 14 h 213"/>
                <a:gd name="T18" fmla="*/ 106 w 213"/>
                <a:gd name="T19" fmla="*/ 0 h 213"/>
                <a:gd name="T20" fmla="*/ 0 w 213"/>
                <a:gd name="T21" fmla="*/ 107 h 213"/>
                <a:gd name="T22" fmla="*/ 106 w 213"/>
                <a:gd name="T23" fmla="*/ 213 h 213"/>
                <a:gd name="T24" fmla="*/ 213 w 213"/>
                <a:gd name="T25" fmla="*/ 107 h 213"/>
                <a:gd name="T26" fmla="*/ 199 w 213"/>
                <a:gd name="T27" fmla="*/ 55 h 213"/>
                <a:gd name="T28" fmla="*/ 193 w 213"/>
                <a:gd name="T29" fmla="*/ 53 h 2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213" h="213">
                  <a:moveTo>
                    <a:pt x="193" y="53"/>
                  </a:moveTo>
                  <a:cubicBezTo>
                    <a:pt x="190" y="54"/>
                    <a:pt x="189" y="57"/>
                    <a:pt x="191" y="60"/>
                  </a:cubicBezTo>
                  <a:cubicBezTo>
                    <a:pt x="199" y="74"/>
                    <a:pt x="203" y="90"/>
                    <a:pt x="203" y="107"/>
                  </a:cubicBezTo>
                  <a:cubicBezTo>
                    <a:pt x="203" y="160"/>
                    <a:pt x="160" y="203"/>
                    <a:pt x="106" y="203"/>
                  </a:cubicBezTo>
                  <a:cubicBezTo>
                    <a:pt x="53" y="203"/>
                    <a:pt x="10" y="160"/>
                    <a:pt x="10" y="107"/>
                  </a:cubicBezTo>
                  <a:cubicBezTo>
                    <a:pt x="10" y="53"/>
                    <a:pt x="53" y="10"/>
                    <a:pt x="106" y="10"/>
                  </a:cubicBezTo>
                  <a:cubicBezTo>
                    <a:pt x="123" y="10"/>
                    <a:pt x="139" y="14"/>
                    <a:pt x="153" y="22"/>
                  </a:cubicBezTo>
                  <a:cubicBezTo>
                    <a:pt x="155" y="24"/>
                    <a:pt x="159" y="23"/>
                    <a:pt x="160" y="20"/>
                  </a:cubicBezTo>
                  <a:cubicBezTo>
                    <a:pt x="161" y="18"/>
                    <a:pt x="160" y="15"/>
                    <a:pt x="158" y="14"/>
                  </a:cubicBezTo>
                  <a:cubicBezTo>
                    <a:pt x="142" y="5"/>
                    <a:pt x="124" y="0"/>
                    <a:pt x="106" y="0"/>
                  </a:cubicBezTo>
                  <a:cubicBezTo>
                    <a:pt x="48" y="0"/>
                    <a:pt x="0" y="48"/>
                    <a:pt x="0" y="107"/>
                  </a:cubicBezTo>
                  <a:cubicBezTo>
                    <a:pt x="0" y="165"/>
                    <a:pt x="48" y="213"/>
                    <a:pt x="106" y="213"/>
                  </a:cubicBezTo>
                  <a:cubicBezTo>
                    <a:pt x="165" y="213"/>
                    <a:pt x="213" y="165"/>
                    <a:pt x="213" y="107"/>
                  </a:cubicBezTo>
                  <a:cubicBezTo>
                    <a:pt x="213" y="89"/>
                    <a:pt x="208" y="71"/>
                    <a:pt x="199" y="55"/>
                  </a:cubicBezTo>
                  <a:cubicBezTo>
                    <a:pt x="198" y="52"/>
                    <a:pt x="195" y="52"/>
                    <a:pt x="193" y="5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2" name="Freeform 6">
              <a:extLst>
                <a:ext uri="{FF2B5EF4-FFF2-40B4-BE49-F238E27FC236}">
                  <a16:creationId xmlns:a16="http://schemas.microsoft.com/office/drawing/2014/main" id="{F00606BE-9E7C-40B0-8DB0-E0148697D0D7}"/>
                </a:ext>
              </a:extLst>
            </p:cNvPr>
            <p:cNvSpPr>
              <a:spLocks/>
            </p:cNvSpPr>
            <p:nvPr/>
          </p:nvSpPr>
          <p:spPr bwMode="auto">
            <a:xfrm>
              <a:off x="4059238" y="4498975"/>
              <a:ext cx="301625" cy="301625"/>
            </a:xfrm>
            <a:custGeom>
              <a:avLst/>
              <a:gdLst>
                <a:gd name="T0" fmla="*/ 100 w 145"/>
                <a:gd name="T1" fmla="*/ 11 h 145"/>
                <a:gd name="T2" fmla="*/ 97 w 145"/>
                <a:gd name="T3" fmla="*/ 5 h 145"/>
                <a:gd name="T4" fmla="*/ 72 w 145"/>
                <a:gd name="T5" fmla="*/ 0 h 145"/>
                <a:gd name="T6" fmla="*/ 0 w 145"/>
                <a:gd name="T7" fmla="*/ 73 h 145"/>
                <a:gd name="T8" fmla="*/ 72 w 145"/>
                <a:gd name="T9" fmla="*/ 145 h 145"/>
                <a:gd name="T10" fmla="*/ 145 w 145"/>
                <a:gd name="T11" fmla="*/ 73 h 145"/>
                <a:gd name="T12" fmla="*/ 139 w 145"/>
                <a:gd name="T13" fmla="*/ 45 h 145"/>
                <a:gd name="T14" fmla="*/ 132 w 145"/>
                <a:gd name="T15" fmla="*/ 42 h 145"/>
                <a:gd name="T16" fmla="*/ 130 w 145"/>
                <a:gd name="T17" fmla="*/ 48 h 145"/>
                <a:gd name="T18" fmla="*/ 135 w 145"/>
                <a:gd name="T19" fmla="*/ 73 h 145"/>
                <a:gd name="T20" fmla="*/ 72 w 145"/>
                <a:gd name="T21" fmla="*/ 135 h 145"/>
                <a:gd name="T22" fmla="*/ 10 w 145"/>
                <a:gd name="T23" fmla="*/ 73 h 145"/>
                <a:gd name="T24" fmla="*/ 72 w 145"/>
                <a:gd name="T25" fmla="*/ 10 h 145"/>
                <a:gd name="T26" fmla="*/ 94 w 145"/>
                <a:gd name="T27" fmla="*/ 14 h 145"/>
                <a:gd name="T28" fmla="*/ 100 w 145"/>
                <a:gd name="T29" fmla="*/ 11 h 1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45" h="145">
                  <a:moveTo>
                    <a:pt x="100" y="11"/>
                  </a:moveTo>
                  <a:cubicBezTo>
                    <a:pt x="101" y="8"/>
                    <a:pt x="100" y="6"/>
                    <a:pt x="97" y="5"/>
                  </a:cubicBezTo>
                  <a:cubicBezTo>
                    <a:pt x="89" y="2"/>
                    <a:pt x="81" y="0"/>
                    <a:pt x="72" y="0"/>
                  </a:cubicBezTo>
                  <a:cubicBezTo>
                    <a:pt x="33" y="0"/>
                    <a:pt x="0" y="33"/>
                    <a:pt x="0" y="73"/>
                  </a:cubicBezTo>
                  <a:cubicBezTo>
                    <a:pt x="0" y="112"/>
                    <a:pt x="33" y="145"/>
                    <a:pt x="72" y="145"/>
                  </a:cubicBezTo>
                  <a:cubicBezTo>
                    <a:pt x="112" y="145"/>
                    <a:pt x="145" y="112"/>
                    <a:pt x="145" y="73"/>
                  </a:cubicBezTo>
                  <a:cubicBezTo>
                    <a:pt x="145" y="63"/>
                    <a:pt x="143" y="53"/>
                    <a:pt x="139" y="45"/>
                  </a:cubicBezTo>
                  <a:cubicBezTo>
                    <a:pt x="138" y="42"/>
                    <a:pt x="135" y="41"/>
                    <a:pt x="132" y="42"/>
                  </a:cubicBezTo>
                  <a:cubicBezTo>
                    <a:pt x="130" y="43"/>
                    <a:pt x="129" y="46"/>
                    <a:pt x="130" y="48"/>
                  </a:cubicBezTo>
                  <a:cubicBezTo>
                    <a:pt x="133" y="56"/>
                    <a:pt x="135" y="64"/>
                    <a:pt x="135" y="73"/>
                  </a:cubicBezTo>
                  <a:cubicBezTo>
                    <a:pt x="135" y="107"/>
                    <a:pt x="107" y="135"/>
                    <a:pt x="72" y="135"/>
                  </a:cubicBezTo>
                  <a:cubicBezTo>
                    <a:pt x="38" y="135"/>
                    <a:pt x="10" y="107"/>
                    <a:pt x="10" y="73"/>
                  </a:cubicBezTo>
                  <a:cubicBezTo>
                    <a:pt x="10" y="38"/>
                    <a:pt x="38" y="10"/>
                    <a:pt x="72" y="10"/>
                  </a:cubicBezTo>
                  <a:cubicBezTo>
                    <a:pt x="80" y="10"/>
                    <a:pt x="87" y="12"/>
                    <a:pt x="94" y="14"/>
                  </a:cubicBezTo>
                  <a:cubicBezTo>
                    <a:pt x="96" y="15"/>
                    <a:pt x="99" y="14"/>
                    <a:pt x="100" y="1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3" name="Freeform 7">
              <a:extLst>
                <a:ext uri="{FF2B5EF4-FFF2-40B4-BE49-F238E27FC236}">
                  <a16:creationId xmlns:a16="http://schemas.microsoft.com/office/drawing/2014/main" id="{A8DBAB2A-BDA1-4AB9-B03E-76311703C1F4}"/>
                </a:ext>
              </a:extLst>
            </p:cNvPr>
            <p:cNvSpPr>
              <a:spLocks/>
            </p:cNvSpPr>
            <p:nvPr/>
          </p:nvSpPr>
          <p:spPr bwMode="auto">
            <a:xfrm>
              <a:off x="4130675" y="4572000"/>
              <a:ext cx="157163" cy="158750"/>
            </a:xfrm>
            <a:custGeom>
              <a:avLst/>
              <a:gdLst>
                <a:gd name="T0" fmla="*/ 38 w 76"/>
                <a:gd name="T1" fmla="*/ 10 h 76"/>
                <a:gd name="T2" fmla="*/ 43 w 76"/>
                <a:gd name="T3" fmla="*/ 5 h 76"/>
                <a:gd name="T4" fmla="*/ 38 w 76"/>
                <a:gd name="T5" fmla="*/ 0 h 76"/>
                <a:gd name="T6" fmla="*/ 0 w 76"/>
                <a:gd name="T7" fmla="*/ 38 h 76"/>
                <a:gd name="T8" fmla="*/ 38 w 76"/>
                <a:gd name="T9" fmla="*/ 76 h 76"/>
                <a:gd name="T10" fmla="*/ 76 w 76"/>
                <a:gd name="T11" fmla="*/ 45 h 76"/>
                <a:gd name="T12" fmla="*/ 72 w 76"/>
                <a:gd name="T13" fmla="*/ 39 h 76"/>
                <a:gd name="T14" fmla="*/ 66 w 76"/>
                <a:gd name="T15" fmla="*/ 43 h 76"/>
                <a:gd name="T16" fmla="*/ 38 w 76"/>
                <a:gd name="T17" fmla="*/ 66 h 76"/>
                <a:gd name="T18" fmla="*/ 10 w 76"/>
                <a:gd name="T19" fmla="*/ 38 h 76"/>
                <a:gd name="T20" fmla="*/ 38 w 76"/>
                <a:gd name="T21" fmla="*/ 10 h 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76" h="76">
                  <a:moveTo>
                    <a:pt x="38" y="10"/>
                  </a:moveTo>
                  <a:cubicBezTo>
                    <a:pt x="41" y="10"/>
                    <a:pt x="43" y="7"/>
                    <a:pt x="43" y="5"/>
                  </a:cubicBezTo>
                  <a:cubicBezTo>
                    <a:pt x="43" y="2"/>
                    <a:pt x="41" y="0"/>
                    <a:pt x="38" y="0"/>
                  </a:cubicBezTo>
                  <a:cubicBezTo>
                    <a:pt x="17" y="0"/>
                    <a:pt x="0" y="17"/>
                    <a:pt x="0" y="38"/>
                  </a:cubicBezTo>
                  <a:cubicBezTo>
                    <a:pt x="0" y="59"/>
                    <a:pt x="17" y="76"/>
                    <a:pt x="38" y="76"/>
                  </a:cubicBezTo>
                  <a:cubicBezTo>
                    <a:pt x="56" y="76"/>
                    <a:pt x="72" y="63"/>
                    <a:pt x="76" y="45"/>
                  </a:cubicBezTo>
                  <a:cubicBezTo>
                    <a:pt x="76" y="43"/>
                    <a:pt x="75" y="40"/>
                    <a:pt x="72" y="39"/>
                  </a:cubicBezTo>
                  <a:cubicBezTo>
                    <a:pt x="69" y="39"/>
                    <a:pt x="66" y="41"/>
                    <a:pt x="66" y="43"/>
                  </a:cubicBezTo>
                  <a:cubicBezTo>
                    <a:pt x="63" y="56"/>
                    <a:pt x="52" y="66"/>
                    <a:pt x="38" y="66"/>
                  </a:cubicBezTo>
                  <a:cubicBezTo>
                    <a:pt x="23" y="66"/>
                    <a:pt x="10" y="53"/>
                    <a:pt x="10" y="38"/>
                  </a:cubicBezTo>
                  <a:cubicBezTo>
                    <a:pt x="10" y="22"/>
                    <a:pt x="23" y="10"/>
                    <a:pt x="38" y="1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4" name="Freeform 8">
              <a:extLst>
                <a:ext uri="{FF2B5EF4-FFF2-40B4-BE49-F238E27FC236}">
                  <a16:creationId xmlns:a16="http://schemas.microsoft.com/office/drawing/2014/main" id="{0F8EF133-3C20-459F-9C03-79721ED2C01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198938" y="4322763"/>
              <a:ext cx="346075" cy="338138"/>
            </a:xfrm>
            <a:custGeom>
              <a:avLst/>
              <a:gdLst>
                <a:gd name="T0" fmla="*/ 165 w 166"/>
                <a:gd name="T1" fmla="*/ 36 h 163"/>
                <a:gd name="T2" fmla="*/ 160 w 166"/>
                <a:gd name="T3" fmla="*/ 33 h 163"/>
                <a:gd name="T4" fmla="*/ 129 w 166"/>
                <a:gd name="T5" fmla="*/ 33 h 163"/>
                <a:gd name="T6" fmla="*/ 129 w 166"/>
                <a:gd name="T7" fmla="*/ 5 h 163"/>
                <a:gd name="T8" fmla="*/ 126 w 166"/>
                <a:gd name="T9" fmla="*/ 0 h 163"/>
                <a:gd name="T10" fmla="*/ 120 w 166"/>
                <a:gd name="T11" fmla="*/ 2 h 163"/>
                <a:gd name="T12" fmla="*/ 88 w 166"/>
                <a:gd name="T13" fmla="*/ 36 h 163"/>
                <a:gd name="T14" fmla="*/ 87 w 166"/>
                <a:gd name="T15" fmla="*/ 39 h 163"/>
                <a:gd name="T16" fmla="*/ 87 w 166"/>
                <a:gd name="T17" fmla="*/ 70 h 163"/>
                <a:gd name="T18" fmla="*/ 2 w 166"/>
                <a:gd name="T19" fmla="*/ 154 h 163"/>
                <a:gd name="T20" fmla="*/ 2 w 166"/>
                <a:gd name="T21" fmla="*/ 161 h 163"/>
                <a:gd name="T22" fmla="*/ 5 w 166"/>
                <a:gd name="T23" fmla="*/ 163 h 163"/>
                <a:gd name="T24" fmla="*/ 9 w 166"/>
                <a:gd name="T25" fmla="*/ 161 h 163"/>
                <a:gd name="T26" fmla="*/ 94 w 166"/>
                <a:gd name="T27" fmla="*/ 77 h 163"/>
                <a:gd name="T28" fmla="*/ 125 w 166"/>
                <a:gd name="T29" fmla="*/ 77 h 163"/>
                <a:gd name="T30" fmla="*/ 128 w 166"/>
                <a:gd name="T31" fmla="*/ 76 h 163"/>
                <a:gd name="T32" fmla="*/ 164 w 166"/>
                <a:gd name="T33" fmla="*/ 42 h 163"/>
                <a:gd name="T34" fmla="*/ 165 w 166"/>
                <a:gd name="T35" fmla="*/ 36 h 163"/>
                <a:gd name="T36" fmla="*/ 123 w 166"/>
                <a:gd name="T37" fmla="*/ 67 h 163"/>
                <a:gd name="T38" fmla="*/ 97 w 166"/>
                <a:gd name="T39" fmla="*/ 67 h 163"/>
                <a:gd name="T40" fmla="*/ 97 w 166"/>
                <a:gd name="T41" fmla="*/ 41 h 163"/>
                <a:gd name="T42" fmla="*/ 119 w 166"/>
                <a:gd name="T43" fmla="*/ 18 h 163"/>
                <a:gd name="T44" fmla="*/ 119 w 166"/>
                <a:gd name="T45" fmla="*/ 38 h 163"/>
                <a:gd name="T46" fmla="*/ 124 w 166"/>
                <a:gd name="T47" fmla="*/ 43 h 163"/>
                <a:gd name="T48" fmla="*/ 148 w 166"/>
                <a:gd name="T49" fmla="*/ 43 h 163"/>
                <a:gd name="T50" fmla="*/ 123 w 166"/>
                <a:gd name="T51" fmla="*/ 67 h 16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166" h="163">
                  <a:moveTo>
                    <a:pt x="165" y="36"/>
                  </a:moveTo>
                  <a:cubicBezTo>
                    <a:pt x="164" y="34"/>
                    <a:pt x="162" y="33"/>
                    <a:pt x="160" y="33"/>
                  </a:cubicBezTo>
                  <a:cubicBezTo>
                    <a:pt x="129" y="33"/>
                    <a:pt x="129" y="33"/>
                    <a:pt x="129" y="33"/>
                  </a:cubicBezTo>
                  <a:cubicBezTo>
                    <a:pt x="129" y="5"/>
                    <a:pt x="129" y="5"/>
                    <a:pt x="129" y="5"/>
                  </a:cubicBezTo>
                  <a:cubicBezTo>
                    <a:pt x="129" y="3"/>
                    <a:pt x="128" y="1"/>
                    <a:pt x="126" y="0"/>
                  </a:cubicBezTo>
                  <a:cubicBezTo>
                    <a:pt x="124" y="0"/>
                    <a:pt x="122" y="0"/>
                    <a:pt x="120" y="2"/>
                  </a:cubicBezTo>
                  <a:cubicBezTo>
                    <a:pt x="88" y="36"/>
                    <a:pt x="88" y="36"/>
                    <a:pt x="88" y="36"/>
                  </a:cubicBezTo>
                  <a:cubicBezTo>
                    <a:pt x="87" y="37"/>
                    <a:pt x="87" y="38"/>
                    <a:pt x="87" y="39"/>
                  </a:cubicBezTo>
                  <a:cubicBezTo>
                    <a:pt x="87" y="70"/>
                    <a:pt x="87" y="70"/>
                    <a:pt x="87" y="70"/>
                  </a:cubicBezTo>
                  <a:cubicBezTo>
                    <a:pt x="2" y="154"/>
                    <a:pt x="2" y="154"/>
                    <a:pt x="2" y="154"/>
                  </a:cubicBezTo>
                  <a:cubicBezTo>
                    <a:pt x="0" y="156"/>
                    <a:pt x="0" y="159"/>
                    <a:pt x="2" y="161"/>
                  </a:cubicBezTo>
                  <a:cubicBezTo>
                    <a:pt x="3" y="162"/>
                    <a:pt x="4" y="163"/>
                    <a:pt x="5" y="163"/>
                  </a:cubicBezTo>
                  <a:cubicBezTo>
                    <a:pt x="7" y="163"/>
                    <a:pt x="8" y="162"/>
                    <a:pt x="9" y="161"/>
                  </a:cubicBezTo>
                  <a:cubicBezTo>
                    <a:pt x="94" y="77"/>
                    <a:pt x="94" y="77"/>
                    <a:pt x="94" y="77"/>
                  </a:cubicBezTo>
                  <a:cubicBezTo>
                    <a:pt x="125" y="77"/>
                    <a:pt x="125" y="77"/>
                    <a:pt x="125" y="77"/>
                  </a:cubicBezTo>
                  <a:cubicBezTo>
                    <a:pt x="126" y="77"/>
                    <a:pt x="127" y="77"/>
                    <a:pt x="128" y="76"/>
                  </a:cubicBezTo>
                  <a:cubicBezTo>
                    <a:pt x="164" y="42"/>
                    <a:pt x="164" y="42"/>
                    <a:pt x="164" y="42"/>
                  </a:cubicBezTo>
                  <a:cubicBezTo>
                    <a:pt x="165" y="40"/>
                    <a:pt x="166" y="38"/>
                    <a:pt x="165" y="36"/>
                  </a:cubicBezTo>
                  <a:close/>
                  <a:moveTo>
                    <a:pt x="123" y="67"/>
                  </a:moveTo>
                  <a:cubicBezTo>
                    <a:pt x="97" y="67"/>
                    <a:pt x="97" y="67"/>
                    <a:pt x="97" y="67"/>
                  </a:cubicBezTo>
                  <a:cubicBezTo>
                    <a:pt x="97" y="41"/>
                    <a:pt x="97" y="41"/>
                    <a:pt x="97" y="41"/>
                  </a:cubicBezTo>
                  <a:cubicBezTo>
                    <a:pt x="119" y="18"/>
                    <a:pt x="119" y="18"/>
                    <a:pt x="119" y="18"/>
                  </a:cubicBezTo>
                  <a:cubicBezTo>
                    <a:pt x="119" y="38"/>
                    <a:pt x="119" y="38"/>
                    <a:pt x="119" y="38"/>
                  </a:cubicBezTo>
                  <a:cubicBezTo>
                    <a:pt x="119" y="41"/>
                    <a:pt x="121" y="43"/>
                    <a:pt x="124" y="43"/>
                  </a:cubicBezTo>
                  <a:cubicBezTo>
                    <a:pt x="148" y="43"/>
                    <a:pt x="148" y="43"/>
                    <a:pt x="148" y="43"/>
                  </a:cubicBezTo>
                  <a:lnTo>
                    <a:pt x="123" y="6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</p:spTree>
    <p:custDataLst>
      <p:tags r:id="rId1"/>
    </p:custDataLst>
    <p:extLst>
      <p:ext uri="{BB962C8B-B14F-4D97-AF65-F5344CB8AC3E}">
        <p14:creationId xmlns:p14="http://schemas.microsoft.com/office/powerpoint/2010/main" val="3133050808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6D062505-A312-D80C-6FAF-69E8DAA6313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>
            <a:extLst>
              <a:ext uri="{FF2B5EF4-FFF2-40B4-BE49-F238E27FC236}">
                <a16:creationId xmlns:a16="http://schemas.microsoft.com/office/drawing/2014/main" id="{1E3B633A-60D0-731C-FCB8-C3067022C66A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9866375" y="7443216"/>
            <a:ext cx="4078225" cy="27432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7" name="PitchProTitleShape">
            <a:extLst>
              <a:ext uri="{FF2B5EF4-FFF2-40B4-BE49-F238E27FC236}">
                <a16:creationId xmlns:a16="http://schemas.microsoft.com/office/drawing/2014/main" id="{8D702078-536A-B479-0E74-064D5333D151}"/>
              </a:ext>
            </a:extLst>
          </p:cNvPr>
          <p:cNvSpPr>
            <a:spLocks noGrp="1"/>
          </p:cNvSpPr>
          <p:nvPr>
            <p:ph type="title" idx="10"/>
          </p:nvPr>
        </p:nvSpPr>
        <p:spPr>
          <a:xfrm>
            <a:off x="694944" y="2998780"/>
            <a:ext cx="13249656" cy="677108"/>
          </a:xfrm>
        </p:spPr>
        <p:txBody>
          <a:bodyPr/>
          <a:lstStyle/>
          <a:p>
            <a:r>
              <a:rPr lang="en-US" sz="4400" dirty="0"/>
              <a:t>Root Cause Analysis for Loan Rejection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80031578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DF9AB9E-6D9C-F064-3430-63D2D2D889D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0">
            <a:extLst>
              <a:ext uri="{FF2B5EF4-FFF2-40B4-BE49-F238E27FC236}">
                <a16:creationId xmlns:a16="http://schemas.microsoft.com/office/drawing/2014/main" id="{9B8E7A2F-D060-1F4B-70B2-5D46961AA1B4}"/>
              </a:ext>
            </a:extLst>
          </p:cNvPr>
          <p:cNvSpPr txBox="1">
            <a:spLocks/>
          </p:cNvSpPr>
          <p:nvPr/>
        </p:nvSpPr>
        <p:spPr>
          <a:xfrm>
            <a:off x="3974224" y="1993392"/>
            <a:ext cx="3108960" cy="5628482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en-US" sz="2400" dirty="0">
                <a:solidFill>
                  <a:schemeClr val="accent1"/>
                </a:solidFill>
              </a:rPr>
              <a:t>Application Type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1800" dirty="0"/>
          </a:p>
          <a:p>
            <a:pPr marL="288925" marR="0" lvl="0" indent="-285750" fontAlgn="base"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dirty="0"/>
              <a:t>New Credit applications have a significantly higher rejection rate (42.15%) compared to Limit Raise applications (29.71%)</a:t>
            </a:r>
          </a:p>
          <a:p>
            <a:pPr marL="288925" marR="0" lvl="0" indent="-285750" fontAlgn="base"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dirty="0"/>
              <a:t>This indicates that applications for new credit lines are more likely to be rejected than requests to increase existing credit limits</a:t>
            </a:r>
          </a:p>
          <a:p>
            <a:pPr algn="ctr"/>
            <a:endParaRPr lang="en-US" sz="1800" dirty="0"/>
          </a:p>
        </p:txBody>
      </p:sp>
      <p:sp>
        <p:nvSpPr>
          <p:cNvPr id="11" name="Content Placeholder 10">
            <a:extLst>
              <a:ext uri="{FF2B5EF4-FFF2-40B4-BE49-F238E27FC236}">
                <a16:creationId xmlns:a16="http://schemas.microsoft.com/office/drawing/2014/main" id="{624C83CC-D960-4C94-742C-6816FAE0EAE3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475487" y="1993391"/>
            <a:ext cx="3304893" cy="5990023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Loan Goals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marL="288925" marR="0" lvl="0" indent="-285750" fontAlgn="base"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dirty="0"/>
              <a:t>Debt Restructuring has the highest rejection rate (63.33%)</a:t>
            </a:r>
          </a:p>
          <a:p>
            <a:pPr marL="288925" marR="0" lvl="0" indent="-285750" fontAlgn="base"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dirty="0"/>
              <a:t>Business goals and Caravan/Camper have relatively high rejection rates (around 40%). </a:t>
            </a:r>
          </a:p>
          <a:p>
            <a:pPr marL="288925" marR="0" lvl="0" indent="-285750" fontAlgn="base"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dirty="0"/>
              <a:t>Boat, Car, and Home Improvement loans have the lowest rejection rates 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endParaRPr lang="en-US" sz="1600" dirty="0"/>
          </a:p>
          <a:p>
            <a:pPr algn="ctr"/>
            <a:endParaRPr lang="en-US" sz="1800" dirty="0"/>
          </a:p>
          <a:p>
            <a:pPr algn="ctr"/>
            <a:endParaRPr lang="en-US" sz="1800" dirty="0"/>
          </a:p>
        </p:txBody>
      </p:sp>
      <p:sp>
        <p:nvSpPr>
          <p:cNvPr id="13" name="Content Placeholder 12">
            <a:extLst>
              <a:ext uri="{FF2B5EF4-FFF2-40B4-BE49-F238E27FC236}">
                <a16:creationId xmlns:a16="http://schemas.microsoft.com/office/drawing/2014/main" id="{4D47C372-1E1D-F08C-BC99-9B0231944036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490117" y="1993392"/>
            <a:ext cx="3108960" cy="5392146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Number of Terms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altLang="en-US" sz="1600" dirty="0"/>
              <a:t>Rejection rates decrease with increasing number of terms</a:t>
            </a:r>
          </a:p>
          <a:p>
            <a:pPr marL="285750" marR="0" lvl="0" indent="-28575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dirty="0"/>
              <a:t>The lowest rejection rates are observed for loans with terms between 70-136</a:t>
            </a:r>
          </a:p>
          <a:p>
            <a:pPr marL="285750" marR="0" lvl="0" indent="-28575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dirty="0"/>
              <a:t>Loans with the shortest terms (5-26) have the highest rejection rates</a:t>
            </a:r>
          </a:p>
          <a:p>
            <a:pPr marL="3175" indent="0"/>
            <a:br>
              <a:rPr lang="en-US" sz="1600" dirty="0"/>
            </a:br>
            <a:endParaRPr lang="en-US" sz="1600" dirty="0"/>
          </a:p>
        </p:txBody>
      </p:sp>
      <p:sp>
        <p:nvSpPr>
          <p:cNvPr id="14" name="Content Placeholder 13">
            <a:extLst>
              <a:ext uri="{FF2B5EF4-FFF2-40B4-BE49-F238E27FC236}">
                <a16:creationId xmlns:a16="http://schemas.microsoft.com/office/drawing/2014/main" id="{262B6174-73C4-B0C0-2011-7F5D2AEA0E2B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10881359" y="1993391"/>
            <a:ext cx="3470615" cy="5628481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Credit Score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altLang="en-US" sz="1600" dirty="0"/>
              <a:t>Rejection rates decrease significantly with increasing credit scores</a:t>
            </a:r>
          </a:p>
          <a:p>
            <a:pPr marL="288925" marR="0" lvl="0" indent="-285750" fontAlgn="base"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dirty="0"/>
              <a:t>The lowest rejection rate (9.32%) is observed for the highest credit score bucket (954-1145)</a:t>
            </a:r>
          </a:p>
          <a:p>
            <a:pPr marL="288925" marR="0" lvl="0" indent="-285750" fontAlgn="base">
              <a:buClrTx/>
              <a:buSzTx/>
              <a:buFont typeface="Arial" panose="020B0604020202020204" pitchFamily="34" charset="0"/>
              <a:buChar char="•"/>
              <a:tabLst/>
            </a:pPr>
            <a:r>
              <a:rPr lang="en-US" altLang="en-US" sz="1600" dirty="0"/>
              <a:t>The highest rejection rate (100%) is observed for the credit score bucket 381-572 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endParaRPr lang="en-US" sz="1600" dirty="0"/>
          </a:p>
          <a:p>
            <a:pPr marL="288925" indent="-285750">
              <a:buFont typeface="Arial" panose="020B0604020202020204" pitchFamily="34" charset="0"/>
              <a:buChar char="•"/>
            </a:pPr>
            <a:endParaRPr lang="en-US" sz="1600" dirty="0"/>
          </a:p>
        </p:txBody>
      </p:sp>
      <p:sp>
        <p:nvSpPr>
          <p:cNvPr id="19" name="Subtitle 18">
            <a:extLst>
              <a:ext uri="{FF2B5EF4-FFF2-40B4-BE49-F238E27FC236}">
                <a16:creationId xmlns:a16="http://schemas.microsoft.com/office/drawing/2014/main" id="{3496164E-A0DC-C263-4ED4-8BD14F0CC590}"/>
              </a:ext>
            </a:extLst>
          </p:cNvPr>
          <p:cNvSpPr>
            <a:spLocks noGrp="1"/>
          </p:cNvSpPr>
          <p:nvPr>
            <p:ph type="subTitle" sz="quarter" idx="18"/>
          </p:nvPr>
        </p:nvSpPr>
        <p:spPr>
          <a:xfrm>
            <a:off x="694944" y="1508112"/>
            <a:ext cx="13249656" cy="517485"/>
          </a:xfrm>
        </p:spPr>
        <p:txBody>
          <a:bodyPr/>
          <a:lstStyle/>
          <a:p>
            <a:r>
              <a:rPr lang="en-US" sz="1800" dirty="0"/>
              <a:t>Analysis identifies key factors such as application type, number of terms, loan goal, and credit score that significantly impact loan rejection rates.</a:t>
            </a:r>
          </a:p>
        </p:txBody>
      </p:sp>
      <p:sp>
        <p:nvSpPr>
          <p:cNvPr id="20" name="Title 5">
            <a:extLst>
              <a:ext uri="{FF2B5EF4-FFF2-40B4-BE49-F238E27FC236}">
                <a16:creationId xmlns:a16="http://schemas.microsoft.com/office/drawing/2014/main" id="{359FFA40-1C2D-75B7-901F-16885A3A611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94944" y="484632"/>
            <a:ext cx="13249656" cy="722376"/>
          </a:xfrm>
        </p:spPr>
        <p:txBody>
          <a:bodyPr/>
          <a:lstStyle/>
          <a:p>
            <a:r>
              <a:rPr lang="en-US" sz="2800" dirty="0"/>
              <a:t>Loan Application Rejection: Factors and Key Determinants</a:t>
            </a:r>
          </a:p>
        </p:txBody>
      </p:sp>
      <p:sp>
        <p:nvSpPr>
          <p:cNvPr id="26" name="Freeform 34">
            <a:extLst>
              <a:ext uri="{FF2B5EF4-FFF2-40B4-BE49-F238E27FC236}">
                <a16:creationId xmlns:a16="http://schemas.microsoft.com/office/drawing/2014/main" id="{0E10AB2B-A9B3-C537-06A6-3925AC1AA418}"/>
              </a:ext>
            </a:extLst>
          </p:cNvPr>
          <p:cNvSpPr>
            <a:spLocks noEditPoints="1"/>
          </p:cNvSpPr>
          <p:nvPr/>
        </p:nvSpPr>
        <p:spPr bwMode="auto">
          <a:xfrm>
            <a:off x="8522366" y="3267963"/>
            <a:ext cx="959804" cy="560228"/>
          </a:xfrm>
          <a:custGeom>
            <a:avLst/>
            <a:gdLst>
              <a:gd name="T0" fmla="*/ 97 w 481"/>
              <a:gd name="T1" fmla="*/ 231 h 296"/>
              <a:gd name="T2" fmla="*/ 385 w 481"/>
              <a:gd name="T3" fmla="*/ 231 h 296"/>
              <a:gd name="T4" fmla="*/ 389 w 481"/>
              <a:gd name="T5" fmla="*/ 227 h 296"/>
              <a:gd name="T6" fmla="*/ 389 w 481"/>
              <a:gd name="T7" fmla="*/ 35 h 296"/>
              <a:gd name="T8" fmla="*/ 385 w 481"/>
              <a:gd name="T9" fmla="*/ 31 h 296"/>
              <a:gd name="T10" fmla="*/ 97 w 481"/>
              <a:gd name="T11" fmla="*/ 31 h 296"/>
              <a:gd name="T12" fmla="*/ 92 w 481"/>
              <a:gd name="T13" fmla="*/ 35 h 296"/>
              <a:gd name="T14" fmla="*/ 92 w 481"/>
              <a:gd name="T15" fmla="*/ 227 h 296"/>
              <a:gd name="T16" fmla="*/ 97 w 481"/>
              <a:gd name="T17" fmla="*/ 231 h 296"/>
              <a:gd name="T18" fmla="*/ 102 w 481"/>
              <a:gd name="T19" fmla="*/ 40 h 296"/>
              <a:gd name="T20" fmla="*/ 380 w 481"/>
              <a:gd name="T21" fmla="*/ 40 h 296"/>
              <a:gd name="T22" fmla="*/ 380 w 481"/>
              <a:gd name="T23" fmla="*/ 222 h 296"/>
              <a:gd name="T24" fmla="*/ 102 w 481"/>
              <a:gd name="T25" fmla="*/ 222 h 296"/>
              <a:gd name="T26" fmla="*/ 102 w 481"/>
              <a:gd name="T27" fmla="*/ 40 h 296"/>
              <a:gd name="T28" fmla="*/ 459 w 481"/>
              <a:gd name="T29" fmla="*/ 252 h 296"/>
              <a:gd name="T30" fmla="*/ 414 w 481"/>
              <a:gd name="T31" fmla="*/ 252 h 296"/>
              <a:gd name="T32" fmla="*/ 422 w 481"/>
              <a:gd name="T33" fmla="*/ 231 h 296"/>
              <a:gd name="T34" fmla="*/ 422 w 481"/>
              <a:gd name="T35" fmla="*/ 31 h 296"/>
              <a:gd name="T36" fmla="*/ 392 w 481"/>
              <a:gd name="T37" fmla="*/ 0 h 296"/>
              <a:gd name="T38" fmla="*/ 90 w 481"/>
              <a:gd name="T39" fmla="*/ 0 h 296"/>
              <a:gd name="T40" fmla="*/ 59 w 481"/>
              <a:gd name="T41" fmla="*/ 31 h 296"/>
              <a:gd name="T42" fmla="*/ 59 w 481"/>
              <a:gd name="T43" fmla="*/ 231 h 296"/>
              <a:gd name="T44" fmla="*/ 68 w 481"/>
              <a:gd name="T45" fmla="*/ 252 h 296"/>
              <a:gd name="T46" fmla="*/ 22 w 481"/>
              <a:gd name="T47" fmla="*/ 252 h 296"/>
              <a:gd name="T48" fmla="*/ 0 w 481"/>
              <a:gd name="T49" fmla="*/ 274 h 296"/>
              <a:gd name="T50" fmla="*/ 22 w 481"/>
              <a:gd name="T51" fmla="*/ 296 h 296"/>
              <a:gd name="T52" fmla="*/ 459 w 481"/>
              <a:gd name="T53" fmla="*/ 296 h 296"/>
              <a:gd name="T54" fmla="*/ 481 w 481"/>
              <a:gd name="T55" fmla="*/ 274 h 296"/>
              <a:gd name="T56" fmla="*/ 459 w 481"/>
              <a:gd name="T57" fmla="*/ 252 h 296"/>
              <a:gd name="T58" fmla="*/ 68 w 481"/>
              <a:gd name="T59" fmla="*/ 31 h 296"/>
              <a:gd name="T60" fmla="*/ 90 w 481"/>
              <a:gd name="T61" fmla="*/ 10 h 296"/>
              <a:gd name="T62" fmla="*/ 392 w 481"/>
              <a:gd name="T63" fmla="*/ 10 h 296"/>
              <a:gd name="T64" fmla="*/ 413 w 481"/>
              <a:gd name="T65" fmla="*/ 31 h 296"/>
              <a:gd name="T66" fmla="*/ 413 w 481"/>
              <a:gd name="T67" fmla="*/ 231 h 296"/>
              <a:gd name="T68" fmla="*/ 392 w 481"/>
              <a:gd name="T69" fmla="*/ 252 h 296"/>
              <a:gd name="T70" fmla="*/ 90 w 481"/>
              <a:gd name="T71" fmla="*/ 252 h 296"/>
              <a:gd name="T72" fmla="*/ 68 w 481"/>
              <a:gd name="T73" fmla="*/ 231 h 296"/>
              <a:gd name="T74" fmla="*/ 68 w 481"/>
              <a:gd name="T75" fmla="*/ 31 h 296"/>
              <a:gd name="T76" fmla="*/ 459 w 481"/>
              <a:gd name="T77" fmla="*/ 286 h 296"/>
              <a:gd name="T78" fmla="*/ 22 w 481"/>
              <a:gd name="T79" fmla="*/ 286 h 296"/>
              <a:gd name="T80" fmla="*/ 10 w 481"/>
              <a:gd name="T81" fmla="*/ 274 h 296"/>
              <a:gd name="T82" fmla="*/ 22 w 481"/>
              <a:gd name="T83" fmla="*/ 262 h 296"/>
              <a:gd name="T84" fmla="*/ 459 w 481"/>
              <a:gd name="T85" fmla="*/ 262 h 296"/>
              <a:gd name="T86" fmla="*/ 472 w 481"/>
              <a:gd name="T87" fmla="*/ 274 h 296"/>
              <a:gd name="T88" fmla="*/ 459 w 481"/>
              <a:gd name="T89" fmla="*/ 286 h 29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</a:cxnLst>
            <a:rect l="0" t="0" r="r" b="b"/>
            <a:pathLst>
              <a:path w="481" h="296">
                <a:moveTo>
                  <a:pt x="97" y="231"/>
                </a:moveTo>
                <a:cubicBezTo>
                  <a:pt x="385" y="231"/>
                  <a:pt x="385" y="231"/>
                  <a:pt x="385" y="231"/>
                </a:cubicBezTo>
                <a:cubicBezTo>
                  <a:pt x="387" y="231"/>
                  <a:pt x="389" y="229"/>
                  <a:pt x="389" y="227"/>
                </a:cubicBezTo>
                <a:cubicBezTo>
                  <a:pt x="389" y="35"/>
                  <a:pt x="389" y="35"/>
                  <a:pt x="389" y="35"/>
                </a:cubicBezTo>
                <a:cubicBezTo>
                  <a:pt x="389" y="33"/>
                  <a:pt x="387" y="31"/>
                  <a:pt x="385" y="31"/>
                </a:cubicBezTo>
                <a:cubicBezTo>
                  <a:pt x="97" y="31"/>
                  <a:pt x="97" y="31"/>
                  <a:pt x="97" y="31"/>
                </a:cubicBezTo>
                <a:cubicBezTo>
                  <a:pt x="94" y="31"/>
                  <a:pt x="92" y="33"/>
                  <a:pt x="92" y="35"/>
                </a:cubicBezTo>
                <a:cubicBezTo>
                  <a:pt x="92" y="227"/>
                  <a:pt x="92" y="227"/>
                  <a:pt x="92" y="227"/>
                </a:cubicBezTo>
                <a:cubicBezTo>
                  <a:pt x="92" y="229"/>
                  <a:pt x="94" y="231"/>
                  <a:pt x="97" y="231"/>
                </a:cubicBezTo>
                <a:close/>
                <a:moveTo>
                  <a:pt x="102" y="40"/>
                </a:moveTo>
                <a:cubicBezTo>
                  <a:pt x="380" y="40"/>
                  <a:pt x="380" y="40"/>
                  <a:pt x="380" y="40"/>
                </a:cubicBezTo>
                <a:cubicBezTo>
                  <a:pt x="380" y="222"/>
                  <a:pt x="380" y="222"/>
                  <a:pt x="380" y="222"/>
                </a:cubicBezTo>
                <a:cubicBezTo>
                  <a:pt x="102" y="222"/>
                  <a:pt x="102" y="222"/>
                  <a:pt x="102" y="222"/>
                </a:cubicBezTo>
                <a:lnTo>
                  <a:pt x="102" y="40"/>
                </a:lnTo>
                <a:close/>
                <a:moveTo>
                  <a:pt x="459" y="252"/>
                </a:moveTo>
                <a:cubicBezTo>
                  <a:pt x="414" y="252"/>
                  <a:pt x="414" y="252"/>
                  <a:pt x="414" y="252"/>
                </a:cubicBezTo>
                <a:cubicBezTo>
                  <a:pt x="419" y="247"/>
                  <a:pt x="422" y="239"/>
                  <a:pt x="422" y="231"/>
                </a:cubicBezTo>
                <a:cubicBezTo>
                  <a:pt x="422" y="31"/>
                  <a:pt x="422" y="31"/>
                  <a:pt x="422" y="31"/>
                </a:cubicBezTo>
                <a:cubicBezTo>
                  <a:pt x="422" y="14"/>
                  <a:pt x="409" y="0"/>
                  <a:pt x="392" y="0"/>
                </a:cubicBezTo>
                <a:cubicBezTo>
                  <a:pt x="90" y="0"/>
                  <a:pt x="90" y="0"/>
                  <a:pt x="90" y="0"/>
                </a:cubicBezTo>
                <a:cubicBezTo>
                  <a:pt x="73" y="0"/>
                  <a:pt x="59" y="14"/>
                  <a:pt x="59" y="31"/>
                </a:cubicBezTo>
                <a:cubicBezTo>
                  <a:pt x="59" y="231"/>
                  <a:pt x="59" y="231"/>
                  <a:pt x="59" y="231"/>
                </a:cubicBezTo>
                <a:cubicBezTo>
                  <a:pt x="59" y="239"/>
                  <a:pt x="62" y="247"/>
                  <a:pt x="68" y="252"/>
                </a:cubicBezTo>
                <a:cubicBezTo>
                  <a:pt x="22" y="252"/>
                  <a:pt x="22" y="252"/>
                  <a:pt x="22" y="252"/>
                </a:cubicBezTo>
                <a:cubicBezTo>
                  <a:pt x="10" y="252"/>
                  <a:pt x="0" y="262"/>
                  <a:pt x="0" y="274"/>
                </a:cubicBezTo>
                <a:cubicBezTo>
                  <a:pt x="0" y="286"/>
                  <a:pt x="10" y="296"/>
                  <a:pt x="22" y="296"/>
                </a:cubicBezTo>
                <a:cubicBezTo>
                  <a:pt x="459" y="296"/>
                  <a:pt x="459" y="296"/>
                  <a:pt x="459" y="296"/>
                </a:cubicBezTo>
                <a:cubicBezTo>
                  <a:pt x="471" y="296"/>
                  <a:pt x="481" y="286"/>
                  <a:pt x="481" y="274"/>
                </a:cubicBezTo>
                <a:cubicBezTo>
                  <a:pt x="481" y="262"/>
                  <a:pt x="471" y="252"/>
                  <a:pt x="459" y="252"/>
                </a:cubicBezTo>
                <a:close/>
                <a:moveTo>
                  <a:pt x="68" y="31"/>
                </a:moveTo>
                <a:cubicBezTo>
                  <a:pt x="68" y="19"/>
                  <a:pt x="78" y="10"/>
                  <a:pt x="90" y="10"/>
                </a:cubicBezTo>
                <a:cubicBezTo>
                  <a:pt x="392" y="10"/>
                  <a:pt x="392" y="10"/>
                  <a:pt x="392" y="10"/>
                </a:cubicBezTo>
                <a:cubicBezTo>
                  <a:pt x="404" y="10"/>
                  <a:pt x="413" y="19"/>
                  <a:pt x="413" y="31"/>
                </a:cubicBezTo>
                <a:cubicBezTo>
                  <a:pt x="413" y="231"/>
                  <a:pt x="413" y="231"/>
                  <a:pt x="413" y="231"/>
                </a:cubicBezTo>
                <a:cubicBezTo>
                  <a:pt x="413" y="243"/>
                  <a:pt x="404" y="252"/>
                  <a:pt x="392" y="252"/>
                </a:cubicBezTo>
                <a:cubicBezTo>
                  <a:pt x="90" y="252"/>
                  <a:pt x="90" y="252"/>
                  <a:pt x="90" y="252"/>
                </a:cubicBezTo>
                <a:cubicBezTo>
                  <a:pt x="78" y="252"/>
                  <a:pt x="68" y="243"/>
                  <a:pt x="68" y="231"/>
                </a:cubicBezTo>
                <a:lnTo>
                  <a:pt x="68" y="31"/>
                </a:lnTo>
                <a:close/>
                <a:moveTo>
                  <a:pt x="459" y="286"/>
                </a:moveTo>
                <a:cubicBezTo>
                  <a:pt x="22" y="286"/>
                  <a:pt x="22" y="286"/>
                  <a:pt x="22" y="286"/>
                </a:cubicBezTo>
                <a:cubicBezTo>
                  <a:pt x="15" y="286"/>
                  <a:pt x="10" y="281"/>
                  <a:pt x="10" y="274"/>
                </a:cubicBezTo>
                <a:cubicBezTo>
                  <a:pt x="10" y="267"/>
                  <a:pt x="15" y="262"/>
                  <a:pt x="22" y="262"/>
                </a:cubicBezTo>
                <a:cubicBezTo>
                  <a:pt x="459" y="262"/>
                  <a:pt x="459" y="262"/>
                  <a:pt x="459" y="262"/>
                </a:cubicBezTo>
                <a:cubicBezTo>
                  <a:pt x="466" y="262"/>
                  <a:pt x="472" y="267"/>
                  <a:pt x="472" y="274"/>
                </a:cubicBezTo>
                <a:cubicBezTo>
                  <a:pt x="472" y="281"/>
                  <a:pt x="466" y="286"/>
                  <a:pt x="459" y="286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sp>
        <p:nvSpPr>
          <p:cNvPr id="28" name="Freeform 93">
            <a:extLst>
              <a:ext uri="{FF2B5EF4-FFF2-40B4-BE49-F238E27FC236}">
                <a16:creationId xmlns:a16="http://schemas.microsoft.com/office/drawing/2014/main" id="{5439A035-254F-7443-F148-07CE77BCECFA}"/>
              </a:ext>
            </a:extLst>
          </p:cNvPr>
          <p:cNvSpPr>
            <a:spLocks noEditPoints="1"/>
          </p:cNvSpPr>
          <p:nvPr/>
        </p:nvSpPr>
        <p:spPr bwMode="auto">
          <a:xfrm>
            <a:off x="12052159" y="3123760"/>
            <a:ext cx="650625" cy="818425"/>
          </a:xfrm>
          <a:custGeom>
            <a:avLst/>
            <a:gdLst>
              <a:gd name="T0" fmla="*/ 486 w 486"/>
              <a:gd name="T1" fmla="*/ 163 h 630"/>
              <a:gd name="T2" fmla="*/ 485 w 486"/>
              <a:gd name="T3" fmla="*/ 161 h 630"/>
              <a:gd name="T4" fmla="*/ 484 w 486"/>
              <a:gd name="T5" fmla="*/ 160 h 630"/>
              <a:gd name="T6" fmla="*/ 326 w 486"/>
              <a:gd name="T7" fmla="*/ 2 h 630"/>
              <a:gd name="T8" fmla="*/ 325 w 486"/>
              <a:gd name="T9" fmla="*/ 1 h 630"/>
              <a:gd name="T10" fmla="*/ 323 w 486"/>
              <a:gd name="T11" fmla="*/ 1 h 630"/>
              <a:gd name="T12" fmla="*/ 122 w 486"/>
              <a:gd name="T13" fmla="*/ 0 h 630"/>
              <a:gd name="T14" fmla="*/ 115 w 486"/>
              <a:gd name="T15" fmla="*/ 137 h 630"/>
              <a:gd name="T16" fmla="*/ 0 w 486"/>
              <a:gd name="T17" fmla="*/ 144 h 630"/>
              <a:gd name="T18" fmla="*/ 7 w 486"/>
              <a:gd name="T19" fmla="*/ 630 h 630"/>
              <a:gd name="T20" fmla="*/ 372 w 486"/>
              <a:gd name="T21" fmla="*/ 623 h 630"/>
              <a:gd name="T22" fmla="*/ 479 w 486"/>
              <a:gd name="T23" fmla="*/ 493 h 630"/>
              <a:gd name="T24" fmla="*/ 486 w 486"/>
              <a:gd name="T25" fmla="*/ 165 h 630"/>
              <a:gd name="T26" fmla="*/ 329 w 486"/>
              <a:gd name="T27" fmla="*/ 24 h 630"/>
              <a:gd name="T28" fmla="*/ 329 w 486"/>
              <a:gd name="T29" fmla="*/ 158 h 630"/>
              <a:gd name="T30" fmla="*/ 358 w 486"/>
              <a:gd name="T31" fmla="*/ 616 h 630"/>
              <a:gd name="T32" fmla="*/ 14 w 486"/>
              <a:gd name="T33" fmla="*/ 151 h 630"/>
              <a:gd name="T34" fmla="*/ 200 w 486"/>
              <a:gd name="T35" fmla="*/ 302 h 630"/>
              <a:gd name="T36" fmla="*/ 358 w 486"/>
              <a:gd name="T37" fmla="*/ 309 h 630"/>
              <a:gd name="T38" fmla="*/ 348 w 486"/>
              <a:gd name="T39" fmla="*/ 295 h 630"/>
              <a:gd name="T40" fmla="*/ 214 w 486"/>
              <a:gd name="T41" fmla="*/ 161 h 630"/>
              <a:gd name="T42" fmla="*/ 372 w 486"/>
              <a:gd name="T43" fmla="*/ 479 h 630"/>
              <a:gd name="T44" fmla="*/ 372 w 486"/>
              <a:gd name="T45" fmla="*/ 301 h 630"/>
              <a:gd name="T46" fmla="*/ 371 w 486"/>
              <a:gd name="T47" fmla="*/ 299 h 630"/>
              <a:gd name="T48" fmla="*/ 371 w 486"/>
              <a:gd name="T49" fmla="*/ 298 h 630"/>
              <a:gd name="T50" fmla="*/ 212 w 486"/>
              <a:gd name="T51" fmla="*/ 139 h 630"/>
              <a:gd name="T52" fmla="*/ 211 w 486"/>
              <a:gd name="T53" fmla="*/ 138 h 630"/>
              <a:gd name="T54" fmla="*/ 210 w 486"/>
              <a:gd name="T55" fmla="*/ 138 h 630"/>
              <a:gd name="T56" fmla="*/ 207 w 486"/>
              <a:gd name="T57" fmla="*/ 137 h 630"/>
              <a:gd name="T58" fmla="*/ 129 w 486"/>
              <a:gd name="T59" fmla="*/ 14 h 630"/>
              <a:gd name="T60" fmla="*/ 315 w 486"/>
              <a:gd name="T61" fmla="*/ 165 h 630"/>
              <a:gd name="T62" fmla="*/ 472 w 486"/>
              <a:gd name="T63" fmla="*/ 172 h 630"/>
              <a:gd name="T64" fmla="*/ 372 w 486"/>
              <a:gd name="T65" fmla="*/ 479 h 63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</a:cxnLst>
            <a:rect l="0" t="0" r="r" b="b"/>
            <a:pathLst>
              <a:path w="486" h="630">
                <a:moveTo>
                  <a:pt x="486" y="164"/>
                </a:moveTo>
                <a:cubicBezTo>
                  <a:pt x="486" y="163"/>
                  <a:pt x="486" y="163"/>
                  <a:pt x="486" y="163"/>
                </a:cubicBezTo>
                <a:cubicBezTo>
                  <a:pt x="486" y="162"/>
                  <a:pt x="486" y="162"/>
                  <a:pt x="486" y="162"/>
                </a:cubicBezTo>
                <a:cubicBezTo>
                  <a:pt x="486" y="162"/>
                  <a:pt x="486" y="162"/>
                  <a:pt x="485" y="161"/>
                </a:cubicBezTo>
                <a:cubicBezTo>
                  <a:pt x="485" y="161"/>
                  <a:pt x="485" y="161"/>
                  <a:pt x="485" y="161"/>
                </a:cubicBezTo>
                <a:cubicBezTo>
                  <a:pt x="485" y="161"/>
                  <a:pt x="485" y="160"/>
                  <a:pt x="484" y="160"/>
                </a:cubicBezTo>
                <a:cubicBezTo>
                  <a:pt x="327" y="2"/>
                  <a:pt x="327" y="2"/>
                  <a:pt x="327" y="2"/>
                </a:cubicBezTo>
                <a:cubicBezTo>
                  <a:pt x="327" y="2"/>
                  <a:pt x="326" y="2"/>
                  <a:pt x="326" y="2"/>
                </a:cubicBezTo>
                <a:cubicBezTo>
                  <a:pt x="326" y="2"/>
                  <a:pt x="326" y="2"/>
                  <a:pt x="326" y="1"/>
                </a:cubicBezTo>
                <a:cubicBezTo>
                  <a:pt x="325" y="1"/>
                  <a:pt x="325" y="1"/>
                  <a:pt x="325" y="1"/>
                </a:cubicBezTo>
                <a:cubicBezTo>
                  <a:pt x="324" y="1"/>
                  <a:pt x="324" y="1"/>
                  <a:pt x="324" y="1"/>
                </a:cubicBezTo>
                <a:cubicBezTo>
                  <a:pt x="324" y="1"/>
                  <a:pt x="324" y="1"/>
                  <a:pt x="323" y="1"/>
                </a:cubicBezTo>
                <a:cubicBezTo>
                  <a:pt x="323" y="0"/>
                  <a:pt x="322" y="0"/>
                  <a:pt x="322" y="0"/>
                </a:cubicBezTo>
                <a:cubicBezTo>
                  <a:pt x="122" y="0"/>
                  <a:pt x="122" y="0"/>
                  <a:pt x="122" y="0"/>
                </a:cubicBezTo>
                <a:cubicBezTo>
                  <a:pt x="118" y="0"/>
                  <a:pt x="115" y="4"/>
                  <a:pt x="115" y="7"/>
                </a:cubicBezTo>
                <a:cubicBezTo>
                  <a:pt x="115" y="137"/>
                  <a:pt x="115" y="137"/>
                  <a:pt x="115" y="137"/>
                </a:cubicBezTo>
                <a:cubicBezTo>
                  <a:pt x="7" y="137"/>
                  <a:pt x="7" y="137"/>
                  <a:pt x="7" y="137"/>
                </a:cubicBezTo>
                <a:cubicBezTo>
                  <a:pt x="3" y="137"/>
                  <a:pt x="0" y="141"/>
                  <a:pt x="0" y="144"/>
                </a:cubicBezTo>
                <a:cubicBezTo>
                  <a:pt x="0" y="623"/>
                  <a:pt x="0" y="623"/>
                  <a:pt x="0" y="623"/>
                </a:cubicBezTo>
                <a:cubicBezTo>
                  <a:pt x="0" y="626"/>
                  <a:pt x="3" y="630"/>
                  <a:pt x="7" y="630"/>
                </a:cubicBezTo>
                <a:cubicBezTo>
                  <a:pt x="365" y="630"/>
                  <a:pt x="365" y="630"/>
                  <a:pt x="365" y="630"/>
                </a:cubicBezTo>
                <a:cubicBezTo>
                  <a:pt x="369" y="630"/>
                  <a:pt x="372" y="626"/>
                  <a:pt x="372" y="623"/>
                </a:cubicBezTo>
                <a:cubicBezTo>
                  <a:pt x="372" y="493"/>
                  <a:pt x="372" y="493"/>
                  <a:pt x="372" y="493"/>
                </a:cubicBezTo>
                <a:cubicBezTo>
                  <a:pt x="479" y="493"/>
                  <a:pt x="479" y="493"/>
                  <a:pt x="479" y="493"/>
                </a:cubicBezTo>
                <a:cubicBezTo>
                  <a:pt x="483" y="493"/>
                  <a:pt x="486" y="489"/>
                  <a:pt x="486" y="486"/>
                </a:cubicBezTo>
                <a:cubicBezTo>
                  <a:pt x="486" y="165"/>
                  <a:pt x="486" y="165"/>
                  <a:pt x="486" y="165"/>
                </a:cubicBezTo>
                <a:cubicBezTo>
                  <a:pt x="486" y="164"/>
                  <a:pt x="486" y="164"/>
                  <a:pt x="486" y="164"/>
                </a:cubicBezTo>
                <a:close/>
                <a:moveTo>
                  <a:pt x="329" y="24"/>
                </a:moveTo>
                <a:cubicBezTo>
                  <a:pt x="463" y="158"/>
                  <a:pt x="463" y="158"/>
                  <a:pt x="463" y="158"/>
                </a:cubicBezTo>
                <a:cubicBezTo>
                  <a:pt x="329" y="158"/>
                  <a:pt x="329" y="158"/>
                  <a:pt x="329" y="158"/>
                </a:cubicBezTo>
                <a:lnTo>
                  <a:pt x="329" y="24"/>
                </a:lnTo>
                <a:close/>
                <a:moveTo>
                  <a:pt x="358" y="616"/>
                </a:moveTo>
                <a:cubicBezTo>
                  <a:pt x="14" y="616"/>
                  <a:pt x="14" y="616"/>
                  <a:pt x="14" y="616"/>
                </a:cubicBezTo>
                <a:cubicBezTo>
                  <a:pt x="14" y="151"/>
                  <a:pt x="14" y="151"/>
                  <a:pt x="14" y="151"/>
                </a:cubicBezTo>
                <a:cubicBezTo>
                  <a:pt x="200" y="151"/>
                  <a:pt x="200" y="151"/>
                  <a:pt x="200" y="151"/>
                </a:cubicBezTo>
                <a:cubicBezTo>
                  <a:pt x="200" y="302"/>
                  <a:pt x="200" y="302"/>
                  <a:pt x="200" y="302"/>
                </a:cubicBezTo>
                <a:cubicBezTo>
                  <a:pt x="200" y="306"/>
                  <a:pt x="203" y="309"/>
                  <a:pt x="207" y="309"/>
                </a:cubicBezTo>
                <a:cubicBezTo>
                  <a:pt x="358" y="309"/>
                  <a:pt x="358" y="309"/>
                  <a:pt x="358" y="309"/>
                </a:cubicBezTo>
                <a:lnTo>
                  <a:pt x="358" y="616"/>
                </a:lnTo>
                <a:close/>
                <a:moveTo>
                  <a:pt x="348" y="295"/>
                </a:moveTo>
                <a:cubicBezTo>
                  <a:pt x="214" y="295"/>
                  <a:pt x="214" y="295"/>
                  <a:pt x="214" y="295"/>
                </a:cubicBezTo>
                <a:cubicBezTo>
                  <a:pt x="214" y="161"/>
                  <a:pt x="214" y="161"/>
                  <a:pt x="214" y="161"/>
                </a:cubicBezTo>
                <a:lnTo>
                  <a:pt x="348" y="295"/>
                </a:lnTo>
                <a:close/>
                <a:moveTo>
                  <a:pt x="372" y="479"/>
                </a:moveTo>
                <a:cubicBezTo>
                  <a:pt x="372" y="302"/>
                  <a:pt x="372" y="302"/>
                  <a:pt x="372" y="302"/>
                </a:cubicBezTo>
                <a:cubicBezTo>
                  <a:pt x="372" y="301"/>
                  <a:pt x="372" y="301"/>
                  <a:pt x="372" y="301"/>
                </a:cubicBezTo>
                <a:cubicBezTo>
                  <a:pt x="372" y="300"/>
                  <a:pt x="371" y="300"/>
                  <a:pt x="371" y="300"/>
                </a:cubicBezTo>
                <a:cubicBezTo>
                  <a:pt x="371" y="299"/>
                  <a:pt x="371" y="299"/>
                  <a:pt x="371" y="299"/>
                </a:cubicBezTo>
                <a:cubicBezTo>
                  <a:pt x="371" y="299"/>
                  <a:pt x="371" y="299"/>
                  <a:pt x="371" y="298"/>
                </a:cubicBezTo>
                <a:cubicBezTo>
                  <a:pt x="371" y="298"/>
                  <a:pt x="371" y="298"/>
                  <a:pt x="371" y="298"/>
                </a:cubicBezTo>
                <a:cubicBezTo>
                  <a:pt x="370" y="298"/>
                  <a:pt x="370" y="297"/>
                  <a:pt x="370" y="297"/>
                </a:cubicBezTo>
                <a:cubicBezTo>
                  <a:pt x="212" y="139"/>
                  <a:pt x="212" y="139"/>
                  <a:pt x="212" y="139"/>
                </a:cubicBezTo>
                <a:cubicBezTo>
                  <a:pt x="212" y="139"/>
                  <a:pt x="211" y="139"/>
                  <a:pt x="211" y="139"/>
                </a:cubicBezTo>
                <a:cubicBezTo>
                  <a:pt x="211" y="139"/>
                  <a:pt x="211" y="138"/>
                  <a:pt x="211" y="138"/>
                </a:cubicBezTo>
                <a:cubicBezTo>
                  <a:pt x="211" y="138"/>
                  <a:pt x="210" y="138"/>
                  <a:pt x="210" y="138"/>
                </a:cubicBezTo>
                <a:cubicBezTo>
                  <a:pt x="210" y="138"/>
                  <a:pt x="210" y="138"/>
                  <a:pt x="210" y="138"/>
                </a:cubicBezTo>
                <a:cubicBezTo>
                  <a:pt x="209" y="138"/>
                  <a:pt x="209" y="138"/>
                  <a:pt x="209" y="138"/>
                </a:cubicBezTo>
                <a:cubicBezTo>
                  <a:pt x="208" y="137"/>
                  <a:pt x="208" y="137"/>
                  <a:pt x="207" y="137"/>
                </a:cubicBezTo>
                <a:cubicBezTo>
                  <a:pt x="129" y="137"/>
                  <a:pt x="129" y="137"/>
                  <a:pt x="129" y="137"/>
                </a:cubicBezTo>
                <a:cubicBezTo>
                  <a:pt x="129" y="14"/>
                  <a:pt x="129" y="14"/>
                  <a:pt x="129" y="14"/>
                </a:cubicBezTo>
                <a:cubicBezTo>
                  <a:pt x="315" y="14"/>
                  <a:pt x="315" y="14"/>
                  <a:pt x="315" y="14"/>
                </a:cubicBezTo>
                <a:cubicBezTo>
                  <a:pt x="315" y="165"/>
                  <a:pt x="315" y="165"/>
                  <a:pt x="315" y="165"/>
                </a:cubicBezTo>
                <a:cubicBezTo>
                  <a:pt x="315" y="169"/>
                  <a:pt x="318" y="172"/>
                  <a:pt x="322" y="172"/>
                </a:cubicBezTo>
                <a:cubicBezTo>
                  <a:pt x="472" y="172"/>
                  <a:pt x="472" y="172"/>
                  <a:pt x="472" y="172"/>
                </a:cubicBezTo>
                <a:cubicBezTo>
                  <a:pt x="472" y="479"/>
                  <a:pt x="472" y="479"/>
                  <a:pt x="472" y="479"/>
                </a:cubicBezTo>
                <a:lnTo>
                  <a:pt x="372" y="479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15" name="Slide Zoom 14">
                <a:extLst>
                  <a:ext uri="{FF2B5EF4-FFF2-40B4-BE49-F238E27FC236}">
                    <a16:creationId xmlns:a16="http://schemas.microsoft.com/office/drawing/2014/main" id="{4A929430-F209-71FB-CDC0-7A6FB32B2E7C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2179258729"/>
                  </p:ext>
                </p:extLst>
              </p:nvPr>
            </p:nvGraphicFramePr>
            <p:xfrm>
              <a:off x="383522" y="2442819"/>
              <a:ext cx="3304893" cy="1859002"/>
            </p:xfrm>
            <a:graphic>
              <a:graphicData uri="http://schemas.microsoft.com/office/powerpoint/2016/slidezoom">
                <pslz:sldZm>
                  <pslz:sldZmObj sldId="313" cId="3043396597">
                    <pslz:zmPr id="{4603DDF2-1667-46CA-8844-70DF06486C7D}" returnToParent="0" transitionDur="1000">
                      <p166:blipFill xmlns:p166="http://schemas.microsoft.com/office/powerpoint/2016/6/main">
                        <a:blip r:embed="rId4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304893" cy="1859002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15" name="Slide Zoom 14">
                <a:extLst>
                  <a:ext uri="{FF2B5EF4-FFF2-40B4-BE49-F238E27FC236}">
                    <a16:creationId xmlns:a16="http://schemas.microsoft.com/office/drawing/2014/main" id="{4A929430-F209-71FB-CDC0-7A6FB32B2E7C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4"/>
              <a:stretch>
                <a:fillRect/>
              </a:stretch>
            </p:blipFill>
            <p:spPr>
              <a:xfrm>
                <a:off x="383522" y="2442819"/>
                <a:ext cx="3304893" cy="1859002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21" name="Slide Zoom 20">
                <a:extLst>
                  <a:ext uri="{FF2B5EF4-FFF2-40B4-BE49-F238E27FC236}">
                    <a16:creationId xmlns:a16="http://schemas.microsoft.com/office/drawing/2014/main" id="{9E155C90-D5E4-1D97-2B92-FA23E9674CD5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546433378"/>
                  </p:ext>
                </p:extLst>
              </p:nvPr>
            </p:nvGraphicFramePr>
            <p:xfrm>
              <a:off x="3929773" y="2454987"/>
              <a:ext cx="3334373" cy="1875585"/>
            </p:xfrm>
            <a:graphic>
              <a:graphicData uri="http://schemas.microsoft.com/office/powerpoint/2016/slidezoom">
                <pslz:sldZm>
                  <pslz:sldZmObj sldId="314" cId="3380554423">
                    <pslz:zmPr id="{49404689-0A27-4503-B498-63996358F0C8}" returnToParent="0" transitionDur="1000">
                      <p166:blipFill xmlns:p166="http://schemas.microsoft.com/office/powerpoint/2016/6/main">
                        <a:blip r:embed="rId5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334373" cy="1875585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21" name="Slide Zoom 20">
                <a:extLst>
                  <a:ext uri="{FF2B5EF4-FFF2-40B4-BE49-F238E27FC236}">
                    <a16:creationId xmlns:a16="http://schemas.microsoft.com/office/drawing/2014/main" id="{9E155C90-D5E4-1D97-2B92-FA23E9674CD5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5"/>
              <a:stretch>
                <a:fillRect/>
              </a:stretch>
            </p:blipFill>
            <p:spPr>
              <a:xfrm>
                <a:off x="3929773" y="2454987"/>
                <a:ext cx="3334373" cy="1875585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24" name="Slide Zoom 23">
                <a:extLst>
                  <a:ext uri="{FF2B5EF4-FFF2-40B4-BE49-F238E27FC236}">
                    <a16:creationId xmlns:a16="http://schemas.microsoft.com/office/drawing/2014/main" id="{28635631-D457-8237-74AA-33F8C6802D36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3123954073"/>
                  </p:ext>
                </p:extLst>
              </p:nvPr>
            </p:nvGraphicFramePr>
            <p:xfrm>
              <a:off x="7460997" y="2454986"/>
              <a:ext cx="3334373" cy="1875585"/>
            </p:xfrm>
            <a:graphic>
              <a:graphicData uri="http://schemas.microsoft.com/office/powerpoint/2016/slidezoom">
                <pslz:sldZm>
                  <pslz:sldZmObj sldId="315" cId="2779290301">
                    <pslz:zmPr id="{61BD908C-C2EE-45B1-ADCA-1E099E617A02}" returnToParent="0" transitionDur="1000">
                      <p166:blipFill xmlns:p166="http://schemas.microsoft.com/office/powerpoint/2016/6/main">
                        <a:blip r:embed="rId6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334373" cy="1875585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24" name="Slide Zoom 23">
                <a:extLst>
                  <a:ext uri="{FF2B5EF4-FFF2-40B4-BE49-F238E27FC236}">
                    <a16:creationId xmlns:a16="http://schemas.microsoft.com/office/drawing/2014/main" id="{28635631-D457-8237-74AA-33F8C6802D36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6"/>
              <a:stretch>
                <a:fillRect/>
              </a:stretch>
            </p:blipFill>
            <p:spPr>
              <a:xfrm>
                <a:off x="7460997" y="2454986"/>
                <a:ext cx="3334373" cy="1875585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29" name="Slide Zoom 28">
                <a:extLst>
                  <a:ext uri="{FF2B5EF4-FFF2-40B4-BE49-F238E27FC236}">
                    <a16:creationId xmlns:a16="http://schemas.microsoft.com/office/drawing/2014/main" id="{A2F25ECC-4EC8-6D72-EF86-55AD545F59C3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2221786205"/>
                  </p:ext>
                </p:extLst>
              </p:nvPr>
            </p:nvGraphicFramePr>
            <p:xfrm>
              <a:off x="11024503" y="2430118"/>
              <a:ext cx="3327472" cy="1871703"/>
            </p:xfrm>
            <a:graphic>
              <a:graphicData uri="http://schemas.microsoft.com/office/powerpoint/2016/slidezoom">
                <pslz:sldZm>
                  <pslz:sldZmObj sldId="316" cId="2141718395">
                    <pslz:zmPr id="{D63E316E-674A-40E9-AE0F-C8CF12365990}" returnToParent="0" transitionDur="1000">
                      <p166:blipFill xmlns:p166="http://schemas.microsoft.com/office/powerpoint/2016/6/main">
                        <a:blip r:embed="rId7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327472" cy="1871703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29" name="Slide Zoom 28">
                <a:extLst>
                  <a:ext uri="{FF2B5EF4-FFF2-40B4-BE49-F238E27FC236}">
                    <a16:creationId xmlns:a16="http://schemas.microsoft.com/office/drawing/2014/main" id="{A2F25ECC-4EC8-6D72-EF86-55AD545F59C3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7"/>
              <a:stretch>
                <a:fillRect/>
              </a:stretch>
            </p:blipFill>
            <p:spPr>
              <a:xfrm>
                <a:off x="11024503" y="2430118"/>
                <a:ext cx="3327472" cy="1871703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</p:spTree>
    <p:custDataLst>
      <p:tags r:id="rId1"/>
    </p:custDataLst>
    <p:extLst>
      <p:ext uri="{BB962C8B-B14F-4D97-AF65-F5344CB8AC3E}">
        <p14:creationId xmlns:p14="http://schemas.microsoft.com/office/powerpoint/2010/main" val="2307966543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BA3160C-90D0-0CB3-BEB5-45FA21D11CB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6D67A3D4-BF5E-E4D0-0429-2BCCF232F38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Behavior Analysis: Employees vs Rejection</a:t>
            </a:r>
          </a:p>
        </p:txBody>
      </p:sp>
      <p:sp>
        <p:nvSpPr>
          <p:cNvPr id="9" name="PageNumber">
            <a:extLst>
              <a:ext uri="{FF2B5EF4-FFF2-40B4-BE49-F238E27FC236}">
                <a16:creationId xmlns:a16="http://schemas.microsoft.com/office/drawing/2014/main" id="{97D2BFB1-C21C-7ADD-86A8-C9B9C5B6C95E}"/>
              </a:ext>
            </a:extLst>
          </p:cNvPr>
          <p:cNvSpPr txBox="1"/>
          <p:nvPr/>
        </p:nvSpPr>
        <p:spPr>
          <a:xfrm>
            <a:off x="7150608" y="7507224"/>
            <a:ext cx="329184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90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  <a:endParaRPr lang="en-US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pic>
        <p:nvPicPr>
          <p:cNvPr id="11266" name="Picture 2">
            <a:extLst>
              <a:ext uri="{FF2B5EF4-FFF2-40B4-BE49-F238E27FC236}">
                <a16:creationId xmlns:a16="http://schemas.microsoft.com/office/drawing/2014/main" id="{827A9E23-BE63-F08A-97ED-C56A41DFC42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150608" y="1810589"/>
            <a:ext cx="7309117" cy="470250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" name="Picture 3" descr="A screenshot of a computer&#10;&#10;Description automatically generated">
            <a:extLst>
              <a:ext uri="{FF2B5EF4-FFF2-40B4-BE49-F238E27FC236}">
                <a16:creationId xmlns:a16="http://schemas.microsoft.com/office/drawing/2014/main" id="{CC32DFEE-CBCF-21E9-E6B9-A0BD39D09C89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17634" y="1451014"/>
            <a:ext cx="6773680" cy="2073711"/>
          </a:xfrm>
          <a:prstGeom prst="rect">
            <a:avLst/>
          </a:prstGeom>
          <a:ln w="9525" cap="sq">
            <a:solidFill>
              <a:srgbClr val="000000"/>
            </a:solidFill>
            <a:prstDash val="solid"/>
            <a:miter lim="800000"/>
          </a:ln>
          <a:effectLst>
            <a:outerShdw blurRad="50800" dist="38100" dir="2700000" algn="tl" rotWithShape="0">
              <a:srgbClr val="000000">
                <a:alpha val="43000"/>
              </a:srgbClr>
            </a:outerShdw>
          </a:effectLst>
        </p:spPr>
      </p:pic>
      <p:pic>
        <p:nvPicPr>
          <p:cNvPr id="7" name="Picture 6" descr="A graph with colorful dots&#10;&#10;Description automatically generated">
            <a:extLst>
              <a:ext uri="{FF2B5EF4-FFF2-40B4-BE49-F238E27FC236}">
                <a16:creationId xmlns:a16="http://schemas.microsoft.com/office/drawing/2014/main" id="{6FE30ACD-966C-6454-D4CD-148C6282C084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06466" y="3600208"/>
            <a:ext cx="6784848" cy="2073711"/>
          </a:xfrm>
          <a:prstGeom prst="rect">
            <a:avLst/>
          </a:prstGeom>
          <a:ln w="9525" cap="sq">
            <a:solidFill>
              <a:srgbClr val="000000"/>
            </a:solidFill>
            <a:prstDash val="solid"/>
            <a:miter lim="800000"/>
          </a:ln>
          <a:effectLst>
            <a:outerShdw blurRad="50800" dist="38100" dir="2700000" algn="tl" rotWithShape="0">
              <a:srgbClr val="000000">
                <a:alpha val="43000"/>
              </a:srgbClr>
            </a:outerShdw>
          </a:effectLst>
        </p:spPr>
      </p:pic>
      <p:pic>
        <p:nvPicPr>
          <p:cNvPr id="10" name="Picture 9" descr="A graph with blue lines&#10;&#10;Description automatically generated">
            <a:extLst>
              <a:ext uri="{FF2B5EF4-FFF2-40B4-BE49-F238E27FC236}">
                <a16:creationId xmlns:a16="http://schemas.microsoft.com/office/drawing/2014/main" id="{98A3BC1A-B325-8342-B57B-DCE9E60D7584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08972" y="5761650"/>
            <a:ext cx="6782342" cy="2241537"/>
          </a:xfrm>
          <a:prstGeom prst="rect">
            <a:avLst/>
          </a:prstGeom>
          <a:ln w="9525" cap="sq">
            <a:solidFill>
              <a:srgbClr val="000000"/>
            </a:solidFill>
            <a:prstDash val="solid"/>
            <a:miter lim="800000"/>
          </a:ln>
          <a:effectLst>
            <a:outerShdw blurRad="50800" dist="38100" dir="2700000" algn="tl" rotWithShape="0">
              <a:srgbClr val="000000">
                <a:alpha val="43000"/>
              </a:srgbClr>
            </a:outerShdw>
          </a:effec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957415426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E5147D6-EE04-F695-15D1-C9FF50A4C90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63EADE55-9ED6-7DF7-6180-92112C69D89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Insights or Findings</a:t>
            </a:r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98A5A1B7-23CA-2108-76E5-E59A23DCE5DF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1466638"/>
            <a:ext cx="7285273" cy="2695193"/>
          </a:xfrm>
        </p:spPr>
        <p:txBody>
          <a:bodyPr/>
          <a:lstStyle/>
          <a:p>
            <a:r>
              <a:rPr lang="en-US" sz="2400" dirty="0">
                <a:solidFill>
                  <a:schemeClr val="accent1"/>
                </a:solidFill>
              </a:rPr>
              <a:t>Interest Rate Distribution: Hypothesis</a:t>
            </a:r>
          </a:p>
          <a:p>
            <a:pPr marL="288925" indent="-285750" fontAlgn="base">
              <a:buFont typeface="Arial" panose="020B0604020202020204" pitchFamily="34" charset="0"/>
              <a:buChar char="•"/>
            </a:pPr>
            <a:r>
              <a:rPr lang="en-US" altLang="en-US" sz="1800" b="1" dirty="0"/>
              <a:t>Term Impact: </a:t>
            </a:r>
            <a:r>
              <a:rPr lang="en-US" altLang="en-US" sz="1800" dirty="0"/>
              <a:t>Longer loan terms associated with higher interest rates. </a:t>
            </a:r>
          </a:p>
          <a:p>
            <a:pPr marL="288925" indent="-285750" fontAlgn="base">
              <a:buFont typeface="Arial" panose="020B0604020202020204" pitchFamily="34" charset="0"/>
              <a:buChar char="•"/>
            </a:pPr>
            <a:r>
              <a:rPr lang="en-US" altLang="en-US" sz="1800" b="1" dirty="0"/>
              <a:t>Goal-based Differences</a:t>
            </a:r>
            <a:r>
              <a:rPr lang="en-US" altLang="en-US" sz="1800" dirty="0"/>
              <a:t>: Interest rates vary significantly across different loan goals. </a:t>
            </a:r>
          </a:p>
          <a:p>
            <a:pPr marL="288925" indent="-285750" fontAlgn="base">
              <a:buFont typeface="Arial" panose="020B0604020202020204" pitchFamily="34" charset="0"/>
              <a:buChar char="•"/>
            </a:pPr>
            <a:r>
              <a:rPr lang="en-US" altLang="en-US" sz="1800" b="1" dirty="0"/>
              <a:t>Amount Influence</a:t>
            </a:r>
            <a:r>
              <a:rPr lang="en-US" altLang="en-US" sz="1800" dirty="0"/>
              <a:t>: Higher loan amounts result in higher interest rates. </a:t>
            </a:r>
          </a:p>
          <a:p>
            <a:pPr marL="288925" indent="-285750">
              <a:buFont typeface="Wingdings" panose="05000000000000000000" pitchFamily="2" charset="2"/>
              <a:buChar char="§"/>
            </a:pPr>
            <a:endParaRPr lang="en-US" sz="2000" dirty="0"/>
          </a:p>
          <a:p>
            <a:endParaRPr lang="en-US" dirty="0"/>
          </a:p>
        </p:txBody>
      </p:sp>
      <p:pic>
        <p:nvPicPr>
          <p:cNvPr id="12" name="Graphic 11" descr="Bullseye">
            <a:extLst>
              <a:ext uri="{FF2B5EF4-FFF2-40B4-BE49-F238E27FC236}">
                <a16:creationId xmlns:a16="http://schemas.microsoft.com/office/drawing/2014/main" id="{3B2843EC-06B7-5219-683D-E20D863DC132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p:blipFill>
        <p:spPr>
          <a:xfrm>
            <a:off x="5581068" y="1383511"/>
            <a:ext cx="621792" cy="621792"/>
          </a:xfrm>
          <a:prstGeom prst="rect">
            <a:avLst/>
          </a:prstGeom>
        </p:spPr>
      </p:pic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20" name="Slide Zoom 19">
                <a:extLst>
                  <a:ext uri="{FF2B5EF4-FFF2-40B4-BE49-F238E27FC236}">
                    <a16:creationId xmlns:a16="http://schemas.microsoft.com/office/drawing/2014/main" id="{50FB3C20-68CA-1CBA-641F-98DC1E4170FF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952512869"/>
                  </p:ext>
                </p:extLst>
              </p:nvPr>
            </p:nvGraphicFramePr>
            <p:xfrm>
              <a:off x="1247648" y="4618863"/>
              <a:ext cx="6067552" cy="2695194"/>
            </p:xfrm>
            <a:graphic>
              <a:graphicData uri="http://schemas.microsoft.com/office/powerpoint/2016/slidezoom">
                <pslz:sldZm>
                  <pslz:sldZmObj sldId="307" cId="1415918905">
                    <pslz:zmPr id="{D37626A3-5E4A-4B6D-924F-4F5C4280A955}" returnToParent="0" transitionDur="1000">
                      <p166:blipFill xmlns:p166="http://schemas.microsoft.com/office/powerpoint/2016/6/main">
                        <a:blip r:embed="rId5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6067552" cy="2695194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20" name="Slide Zoom 19">
                <a:extLst>
                  <a:ext uri="{FF2B5EF4-FFF2-40B4-BE49-F238E27FC236}">
                    <a16:creationId xmlns:a16="http://schemas.microsoft.com/office/drawing/2014/main" id="{50FB3C20-68CA-1CBA-641F-98DC1E4170FF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5"/>
              <a:stretch>
                <a:fillRect/>
              </a:stretch>
            </p:blipFill>
            <p:spPr>
              <a:xfrm>
                <a:off x="1247648" y="4618863"/>
                <a:ext cx="6067552" cy="2695194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22" name="Slide Zoom 21">
                <a:extLst>
                  <a:ext uri="{FF2B5EF4-FFF2-40B4-BE49-F238E27FC236}">
                    <a16:creationId xmlns:a16="http://schemas.microsoft.com/office/drawing/2014/main" id="{DEAA72BF-4EC0-EB33-EB23-56D83E1CAF75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1836702060"/>
                  </p:ext>
                </p:extLst>
              </p:nvPr>
            </p:nvGraphicFramePr>
            <p:xfrm>
              <a:off x="8902192" y="4618863"/>
              <a:ext cx="4791456" cy="2695194"/>
            </p:xfrm>
            <a:graphic>
              <a:graphicData uri="http://schemas.microsoft.com/office/powerpoint/2016/slidezoom">
                <pslz:sldZm>
                  <pslz:sldZmObj sldId="308" cId="981043973">
                    <pslz:zmPr id="{0DFF3CFB-E61F-42AC-9A7A-D0C6D1ADFC05}" returnToParent="0" transitionDur="1000">
                      <p166:blipFill xmlns:p166="http://schemas.microsoft.com/office/powerpoint/2016/6/main">
                        <a:blip r:embed="rId6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4791456" cy="2695194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22" name="Slide Zoom 21">
                <a:extLst>
                  <a:ext uri="{FF2B5EF4-FFF2-40B4-BE49-F238E27FC236}">
                    <a16:creationId xmlns:a16="http://schemas.microsoft.com/office/drawing/2014/main" id="{DEAA72BF-4EC0-EB33-EB23-56D83E1CAF75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6"/>
              <a:stretch>
                <a:fillRect/>
              </a:stretch>
            </p:blipFill>
            <p:spPr>
              <a:xfrm>
                <a:off x="8902192" y="4618863"/>
                <a:ext cx="4791456" cy="2695194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>
        <mc:Choice xmlns:pslz="http://schemas.microsoft.com/office/powerpoint/2016/slidezoom" Requires="pslz">
          <p:graphicFrame>
            <p:nvGraphicFramePr>
              <p:cNvPr id="24" name="Slide Zoom 23">
                <a:extLst>
                  <a:ext uri="{FF2B5EF4-FFF2-40B4-BE49-F238E27FC236}">
                    <a16:creationId xmlns:a16="http://schemas.microsoft.com/office/drawing/2014/main" id="{8CAD0A39-D5B5-59AB-C58F-D4323EE8918D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933575669"/>
                  </p:ext>
                </p:extLst>
              </p:nvPr>
            </p:nvGraphicFramePr>
            <p:xfrm>
              <a:off x="8902192" y="1617916"/>
              <a:ext cx="4791456" cy="2695194"/>
            </p:xfrm>
            <a:graphic>
              <a:graphicData uri="http://schemas.microsoft.com/office/powerpoint/2016/slidezoom">
                <pslz:sldZm>
                  <pslz:sldZmObj sldId="309" cId="1263063802">
                    <pslz:zmPr id="{4B479C21-8F0C-4960-BC9D-14B3224B73EE}" returnToParent="0" transitionDur="1000">
                      <p166:blipFill xmlns:p166="http://schemas.microsoft.com/office/powerpoint/2016/6/main">
                        <a:blip r:embed="rId7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4791456" cy="2695194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>
          <p:pic>
            <p:nvPicPr>
              <p:cNvPr id="24" name="Slide Zoom 23">
                <a:extLst>
                  <a:ext uri="{FF2B5EF4-FFF2-40B4-BE49-F238E27FC236}">
                    <a16:creationId xmlns:a16="http://schemas.microsoft.com/office/drawing/2014/main" id="{8CAD0A39-D5B5-59AB-C58F-D4323EE8918D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7"/>
              <a:stretch>
                <a:fillRect/>
              </a:stretch>
            </p:blipFill>
            <p:spPr>
              <a:xfrm>
                <a:off x="8902192" y="1617916"/>
                <a:ext cx="4791456" cy="2695194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</p:spTree>
    <p:custDataLst>
      <p:tags r:id="rId1"/>
    </p:custDataLst>
    <p:extLst>
      <p:ext uri="{BB962C8B-B14F-4D97-AF65-F5344CB8AC3E}">
        <p14:creationId xmlns:p14="http://schemas.microsoft.com/office/powerpoint/2010/main" val="1344931098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1" name="Group 40">
            <a:extLst>
              <a:ext uri="{FF2B5EF4-FFF2-40B4-BE49-F238E27FC236}">
                <a16:creationId xmlns:a16="http://schemas.microsoft.com/office/drawing/2014/main" id="{29717C9B-B151-4ED9-8E06-1946E0BA8E3B}"/>
              </a:ext>
            </a:extLst>
          </p:cNvPr>
          <p:cNvGrpSpPr/>
          <p:nvPr/>
        </p:nvGrpSpPr>
        <p:grpSpPr>
          <a:xfrm>
            <a:off x="291921" y="1616427"/>
            <a:ext cx="14046557" cy="6570393"/>
            <a:chOff x="2239677" y="2053734"/>
            <a:chExt cx="9778149" cy="5246732"/>
          </a:xfrm>
        </p:grpSpPr>
        <p:grpSp>
          <p:nvGrpSpPr>
            <p:cNvPr id="42" name="Group 17">
              <a:extLst>
                <a:ext uri="{FF2B5EF4-FFF2-40B4-BE49-F238E27FC236}">
                  <a16:creationId xmlns:a16="http://schemas.microsoft.com/office/drawing/2014/main" id="{A0815133-2230-4F4C-BE5E-B46473C0701F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4778768" y="2082028"/>
              <a:ext cx="4158464" cy="4383449"/>
              <a:chOff x="2647" y="-190"/>
              <a:chExt cx="2218" cy="2338"/>
            </a:xfrm>
          </p:grpSpPr>
          <p:sp>
            <p:nvSpPr>
              <p:cNvPr id="61" name="Freeform 18">
                <a:extLst>
                  <a:ext uri="{FF2B5EF4-FFF2-40B4-BE49-F238E27FC236}">
                    <a16:creationId xmlns:a16="http://schemas.microsoft.com/office/drawing/2014/main" id="{1526E482-E1FE-4F2E-A113-C51EA9FAF96D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3756" y="-190"/>
                <a:ext cx="1109" cy="1232"/>
              </a:xfrm>
              <a:custGeom>
                <a:avLst/>
                <a:gdLst>
                  <a:gd name="T0" fmla="*/ 9233 w 9233"/>
                  <a:gd name="T1" fmla="*/ 9233 h 9233"/>
                  <a:gd name="T2" fmla="*/ 0 w 9233"/>
                  <a:gd name="T3" fmla="*/ 0 h 9233"/>
                  <a:gd name="T4" fmla="*/ 0 w 9233"/>
                  <a:gd name="T5" fmla="*/ 0 h 9233"/>
                  <a:gd name="T6" fmla="*/ 0 w 9233"/>
                  <a:gd name="T7" fmla="*/ 5263 h 9233"/>
                  <a:gd name="T8" fmla="*/ 3970 w 9233"/>
                  <a:gd name="T9" fmla="*/ 9233 h 9233"/>
                  <a:gd name="T10" fmla="*/ 3970 w 9233"/>
                  <a:gd name="T11" fmla="*/ 9233 h 9233"/>
                  <a:gd name="T12" fmla="*/ 9233 w 9233"/>
                  <a:gd name="T13" fmla="*/ 9233 h 92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233" h="9233">
                    <a:moveTo>
                      <a:pt x="9233" y="9233"/>
                    </a:moveTo>
                    <a:cubicBezTo>
                      <a:pt x="9233" y="4134"/>
                      <a:pt x="5099" y="0"/>
                      <a:pt x="0" y="0"/>
                    </a:cubicBezTo>
                    <a:cubicBezTo>
                      <a:pt x="0" y="0"/>
                      <a:pt x="0" y="0"/>
                      <a:pt x="0" y="0"/>
                    </a:cubicBezTo>
                    <a:lnTo>
                      <a:pt x="0" y="5263"/>
                    </a:lnTo>
                    <a:cubicBezTo>
                      <a:pt x="2193" y="5263"/>
                      <a:pt x="3970" y="7040"/>
                      <a:pt x="3970" y="9233"/>
                    </a:cubicBezTo>
                    <a:cubicBezTo>
                      <a:pt x="3970" y="9233"/>
                      <a:pt x="3970" y="9233"/>
                      <a:pt x="3970" y="9233"/>
                    </a:cubicBezTo>
                    <a:lnTo>
                      <a:pt x="9233" y="9233"/>
                    </a:lnTo>
                    <a:close/>
                  </a:path>
                </a:pathLst>
              </a:custGeom>
              <a:solidFill>
                <a:srgbClr val="478FBF"/>
              </a:solidFill>
              <a:ln w="28575">
                <a:solidFill>
                  <a:schemeClr val="bg1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mplitudeTF" panose="02000506050000020004" pitchFamily="50" charset="0"/>
                </a:endParaRPr>
              </a:p>
            </p:txBody>
          </p:sp>
          <p:sp>
            <p:nvSpPr>
              <p:cNvPr id="62" name="Freeform 20">
                <a:extLst>
                  <a:ext uri="{FF2B5EF4-FFF2-40B4-BE49-F238E27FC236}">
                    <a16:creationId xmlns:a16="http://schemas.microsoft.com/office/drawing/2014/main" id="{CB3ED9DB-F89C-467C-805C-37DF6A76C27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3756" y="1012"/>
                <a:ext cx="1109" cy="1135"/>
              </a:xfrm>
              <a:custGeom>
                <a:avLst/>
                <a:gdLst>
                  <a:gd name="T0" fmla="*/ 0 w 9233"/>
                  <a:gd name="T1" fmla="*/ 9233 h 9233"/>
                  <a:gd name="T2" fmla="*/ 9233 w 9233"/>
                  <a:gd name="T3" fmla="*/ 0 h 9233"/>
                  <a:gd name="T4" fmla="*/ 3970 w 9233"/>
                  <a:gd name="T5" fmla="*/ 0 h 9233"/>
                  <a:gd name="T6" fmla="*/ 0 w 9233"/>
                  <a:gd name="T7" fmla="*/ 3970 h 9233"/>
                  <a:gd name="T8" fmla="*/ 0 w 9233"/>
                  <a:gd name="T9" fmla="*/ 9233 h 92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9233" h="9233">
                    <a:moveTo>
                      <a:pt x="0" y="9233"/>
                    </a:moveTo>
                    <a:cubicBezTo>
                      <a:pt x="5099" y="9233"/>
                      <a:pt x="9233" y="5100"/>
                      <a:pt x="9233" y="0"/>
                    </a:cubicBezTo>
                    <a:lnTo>
                      <a:pt x="3970" y="0"/>
                    </a:lnTo>
                    <a:cubicBezTo>
                      <a:pt x="3970" y="2193"/>
                      <a:pt x="2193" y="3970"/>
                      <a:pt x="0" y="3970"/>
                    </a:cubicBezTo>
                    <a:lnTo>
                      <a:pt x="0" y="9233"/>
                    </a:lnTo>
                    <a:close/>
                  </a:path>
                </a:pathLst>
              </a:custGeom>
              <a:solidFill>
                <a:srgbClr val="0069A3"/>
              </a:solidFill>
              <a:ln w="28575">
                <a:solidFill>
                  <a:schemeClr val="bg1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mplitudeTF" panose="02000506050000020004" pitchFamily="50" charset="0"/>
                </a:endParaRPr>
              </a:p>
            </p:txBody>
          </p:sp>
          <p:sp>
            <p:nvSpPr>
              <p:cNvPr id="63" name="Freeform 22">
                <a:extLst>
                  <a:ext uri="{FF2B5EF4-FFF2-40B4-BE49-F238E27FC236}">
                    <a16:creationId xmlns:a16="http://schemas.microsoft.com/office/drawing/2014/main" id="{D9A87B42-8977-4699-B228-6168CBD69703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2647" y="918"/>
                <a:ext cx="1109" cy="1230"/>
              </a:xfrm>
              <a:custGeom>
                <a:avLst/>
                <a:gdLst>
                  <a:gd name="T0" fmla="*/ 0 w 9234"/>
                  <a:gd name="T1" fmla="*/ 0 h 9233"/>
                  <a:gd name="T2" fmla="*/ 9234 w 9234"/>
                  <a:gd name="T3" fmla="*/ 9233 h 9233"/>
                  <a:gd name="T4" fmla="*/ 9234 w 9234"/>
                  <a:gd name="T5" fmla="*/ 3970 h 9233"/>
                  <a:gd name="T6" fmla="*/ 5263 w 9234"/>
                  <a:gd name="T7" fmla="*/ 0 h 9233"/>
                  <a:gd name="T8" fmla="*/ 0 w 9234"/>
                  <a:gd name="T9" fmla="*/ 0 h 92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9234" h="9233">
                    <a:moveTo>
                      <a:pt x="0" y="0"/>
                    </a:moveTo>
                    <a:cubicBezTo>
                      <a:pt x="0" y="5100"/>
                      <a:pt x="4134" y="9233"/>
                      <a:pt x="9234" y="9233"/>
                    </a:cubicBezTo>
                    <a:lnTo>
                      <a:pt x="9234" y="3970"/>
                    </a:lnTo>
                    <a:cubicBezTo>
                      <a:pt x="7041" y="3970"/>
                      <a:pt x="5263" y="2193"/>
                      <a:pt x="5263" y="0"/>
                    </a:cubicBezTo>
                    <a:lnTo>
                      <a:pt x="0" y="0"/>
                    </a:lnTo>
                    <a:close/>
                  </a:path>
                </a:pathLst>
              </a:custGeom>
              <a:solidFill>
                <a:srgbClr val="336C92"/>
              </a:solidFill>
              <a:ln w="28575">
                <a:solidFill>
                  <a:schemeClr val="bg1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mplitudeTF" panose="02000506050000020004" pitchFamily="50" charset="0"/>
                </a:endParaRPr>
              </a:p>
            </p:txBody>
          </p:sp>
          <p:sp>
            <p:nvSpPr>
              <p:cNvPr id="64" name="Freeform 24">
                <a:extLst>
                  <a:ext uri="{FF2B5EF4-FFF2-40B4-BE49-F238E27FC236}">
                    <a16:creationId xmlns:a16="http://schemas.microsoft.com/office/drawing/2014/main" id="{B5AC0C9A-0D5E-449F-A8F1-D6F65C8DC312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2647" y="-190"/>
                <a:ext cx="1109" cy="1232"/>
              </a:xfrm>
              <a:custGeom>
                <a:avLst/>
                <a:gdLst>
                  <a:gd name="T0" fmla="*/ 9234 w 9234"/>
                  <a:gd name="T1" fmla="*/ 0 h 9233"/>
                  <a:gd name="T2" fmla="*/ 0 w 9234"/>
                  <a:gd name="T3" fmla="*/ 9233 h 9233"/>
                  <a:gd name="T4" fmla="*/ 5263 w 9234"/>
                  <a:gd name="T5" fmla="*/ 9233 h 9233"/>
                  <a:gd name="T6" fmla="*/ 9234 w 9234"/>
                  <a:gd name="T7" fmla="*/ 5263 h 9233"/>
                  <a:gd name="T8" fmla="*/ 9234 w 9234"/>
                  <a:gd name="T9" fmla="*/ 0 h 92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9234" h="9233">
                    <a:moveTo>
                      <a:pt x="9234" y="0"/>
                    </a:moveTo>
                    <a:cubicBezTo>
                      <a:pt x="4134" y="0"/>
                      <a:pt x="0" y="4134"/>
                      <a:pt x="0" y="9233"/>
                    </a:cubicBezTo>
                    <a:lnTo>
                      <a:pt x="5263" y="9233"/>
                    </a:lnTo>
                    <a:cubicBezTo>
                      <a:pt x="5263" y="7040"/>
                      <a:pt x="7041" y="5263"/>
                      <a:pt x="9234" y="5263"/>
                    </a:cubicBezTo>
                    <a:lnTo>
                      <a:pt x="9234" y="0"/>
                    </a:lnTo>
                    <a:close/>
                  </a:path>
                </a:pathLst>
              </a:custGeom>
              <a:solidFill>
                <a:srgbClr val="91BCD9"/>
              </a:solidFill>
              <a:ln w="28575">
                <a:solidFill>
                  <a:schemeClr val="bg1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mplitudeTF" panose="02000506050000020004" pitchFamily="50" charset="0"/>
                </a:endParaRPr>
              </a:p>
            </p:txBody>
          </p:sp>
        </p:grpSp>
        <p:sp>
          <p:nvSpPr>
            <p:cNvPr id="43" name="Rectangle 42">
              <a:extLst>
                <a:ext uri="{FF2B5EF4-FFF2-40B4-BE49-F238E27FC236}">
                  <a16:creationId xmlns:a16="http://schemas.microsoft.com/office/drawing/2014/main" id="{69A87AE3-70F4-46CA-BCF0-945CFF6667F9}"/>
                </a:ext>
              </a:extLst>
            </p:cNvPr>
            <p:cNvSpPr>
              <a:spLocks noChangeArrowheads="1"/>
            </p:cNvSpPr>
            <p:nvPr/>
          </p:nvSpPr>
          <p:spPr bwMode="gray">
            <a:xfrm>
              <a:off x="5135830" y="2931733"/>
              <a:ext cx="1282032" cy="830715"/>
            </a:xfrm>
            <a:prstGeom prst="rect">
              <a:avLst/>
            </a:prstGeom>
            <a:noFill/>
            <a:ln w="76200">
              <a:noFill/>
              <a:miter lim="800000"/>
              <a:headEnd/>
              <a:tailEnd/>
            </a:ln>
          </p:spPr>
          <p:txBody>
            <a:bodyPr lIns="0" tIns="0" rIns="0" bIns="0" anchor="ctr"/>
            <a:lstStyle/>
            <a:p>
              <a:pPr algn="ctr" defTabSz="1005840" eaLnBrk="0" hangingPunct="0">
                <a:buClr>
                  <a:srgbClr val="C0C0C0"/>
                </a:buClr>
                <a:buSzPct val="92000"/>
                <a:defRPr/>
              </a:pPr>
              <a:r>
                <a:rPr lang="en-US" sz="1800" b="1" kern="0" dirty="0">
                  <a:solidFill>
                    <a:schemeClr val="bg1"/>
                  </a:solidFill>
                  <a:latin typeface="AmplitudeTF" panose="02000506050000020004" pitchFamily="50" charset="0"/>
                  <a:ea typeface="LF_Kai"/>
                </a:rPr>
                <a:t>Loan Amount</a:t>
              </a:r>
            </a:p>
          </p:txBody>
        </p:sp>
        <p:sp>
          <p:nvSpPr>
            <p:cNvPr id="45" name="Rectangle 44">
              <a:extLst>
                <a:ext uri="{FF2B5EF4-FFF2-40B4-BE49-F238E27FC236}">
                  <a16:creationId xmlns:a16="http://schemas.microsoft.com/office/drawing/2014/main" id="{B85DA83D-C635-4361-B1D5-A8BABF2E08C0}"/>
                </a:ext>
              </a:extLst>
            </p:cNvPr>
            <p:cNvSpPr>
              <a:spLocks noChangeArrowheads="1"/>
            </p:cNvSpPr>
            <p:nvPr/>
          </p:nvSpPr>
          <p:spPr bwMode="gray">
            <a:xfrm>
              <a:off x="5126090" y="5050758"/>
              <a:ext cx="1461268" cy="830715"/>
            </a:xfrm>
            <a:prstGeom prst="rect">
              <a:avLst/>
            </a:prstGeom>
            <a:noFill/>
            <a:ln w="76200">
              <a:noFill/>
              <a:miter lim="800000"/>
              <a:headEnd/>
              <a:tailEnd/>
            </a:ln>
          </p:spPr>
          <p:txBody>
            <a:bodyPr lIns="0" tIns="0" rIns="0" bIns="0" anchor="ctr"/>
            <a:lstStyle/>
            <a:p>
              <a:pPr algn="ctr" defTabSz="1005840" eaLnBrk="0" hangingPunct="0">
                <a:buClr>
                  <a:srgbClr val="C0C0C0"/>
                </a:buClr>
                <a:buSzPct val="92000"/>
                <a:defRPr/>
              </a:pPr>
              <a:r>
                <a:rPr lang="en-US" sz="1800" b="1" kern="0" dirty="0">
                  <a:solidFill>
                    <a:schemeClr val="bg1"/>
                  </a:solidFill>
                  <a:latin typeface="AmplitudeTF" panose="02000506050000020004" pitchFamily="50" charset="0"/>
                </a:rPr>
                <a:t>Data Availability</a:t>
              </a:r>
            </a:p>
          </p:txBody>
        </p:sp>
        <p:sp>
          <p:nvSpPr>
            <p:cNvPr id="47" name="Rectangle 46">
              <a:extLst>
                <a:ext uri="{FF2B5EF4-FFF2-40B4-BE49-F238E27FC236}">
                  <a16:creationId xmlns:a16="http://schemas.microsoft.com/office/drawing/2014/main" id="{B34641D9-F111-4536-BB7A-43D8C5498C49}"/>
                </a:ext>
              </a:extLst>
            </p:cNvPr>
            <p:cNvSpPr/>
            <p:nvPr>
              <p:custDataLst>
                <p:tags r:id="rId2"/>
              </p:custDataLst>
            </p:nvPr>
          </p:nvSpPr>
          <p:spPr>
            <a:xfrm>
              <a:off x="8981812" y="4449507"/>
              <a:ext cx="3036014" cy="2850959"/>
            </a:xfrm>
            <a:prstGeom prst="rect">
              <a:avLst/>
            </a:prstGeom>
          </p:spPr>
          <p:txBody>
            <a:bodyPr wrap="square" lIns="0" tIns="0" rIns="0" bIns="0">
              <a:spAutoFit/>
            </a:bodyPr>
            <a:lstStyle/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Gaps in following up with customer </a:t>
              </a: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from employee end without any public holiday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Multiple employees handling the same application</a:t>
              </a: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,  incorrect assignments  and case suspensions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Relation between first withdrawal amount, terms and goal not giving clear understanding (</a:t>
              </a:r>
              <a:r>
                <a:rPr lang="en-US" sz="18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Lack of event mapping tables)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endParaRPr lang="en-US" sz="1500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endParaRPr lang="en-US" sz="1500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endParaRPr lang="en-US" sz="1500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</p:txBody>
        </p:sp>
        <p:sp>
          <p:nvSpPr>
            <p:cNvPr id="48" name="Rectangle 47">
              <a:extLst>
                <a:ext uri="{FF2B5EF4-FFF2-40B4-BE49-F238E27FC236}">
                  <a16:creationId xmlns:a16="http://schemas.microsoft.com/office/drawing/2014/main" id="{45A286E4-E19F-458A-B2B5-DC166DBB2A02}"/>
                </a:ext>
              </a:extLst>
            </p:cNvPr>
            <p:cNvSpPr/>
            <p:nvPr>
              <p:custDataLst>
                <p:tags r:id="rId3"/>
              </p:custDataLst>
            </p:nvPr>
          </p:nvSpPr>
          <p:spPr>
            <a:xfrm>
              <a:off x="8629542" y="2611869"/>
              <a:ext cx="2549670" cy="184329"/>
            </a:xfrm>
            <a:prstGeom prst="rect">
              <a:avLst/>
            </a:prstGeom>
          </p:spPr>
          <p:txBody>
            <a:bodyPr wrap="square" lIns="0" tIns="0" rIns="0" bIns="0">
              <a:spAutoFit/>
            </a:bodyPr>
            <a:lstStyle/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endParaRPr lang="en-US" sz="1500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</p:txBody>
        </p:sp>
        <p:sp>
          <p:nvSpPr>
            <p:cNvPr id="49" name="Rectangle 48">
              <a:extLst>
                <a:ext uri="{FF2B5EF4-FFF2-40B4-BE49-F238E27FC236}">
                  <a16:creationId xmlns:a16="http://schemas.microsoft.com/office/drawing/2014/main" id="{EB0F2BFD-4F56-4467-A025-2C84ED0F04D4}"/>
                </a:ext>
              </a:extLst>
            </p:cNvPr>
            <p:cNvSpPr/>
            <p:nvPr>
              <p:custDataLst>
                <p:tags r:id="rId4"/>
              </p:custDataLst>
            </p:nvPr>
          </p:nvSpPr>
          <p:spPr>
            <a:xfrm>
              <a:off x="8946536" y="3139896"/>
              <a:ext cx="2598446" cy="184329"/>
            </a:xfrm>
            <a:prstGeom prst="rect">
              <a:avLst/>
            </a:prstGeom>
          </p:spPr>
          <p:txBody>
            <a:bodyPr wrap="square" lIns="0" tIns="0" rIns="0" bIns="0">
              <a:spAutoFit/>
            </a:bodyPr>
            <a:lstStyle/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endParaRPr lang="en-US" sz="1500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</p:txBody>
        </p:sp>
        <p:sp>
          <p:nvSpPr>
            <p:cNvPr id="50" name="Rectangle 49">
              <a:extLst>
                <a:ext uri="{FF2B5EF4-FFF2-40B4-BE49-F238E27FC236}">
                  <a16:creationId xmlns:a16="http://schemas.microsoft.com/office/drawing/2014/main" id="{B34B7D22-C5C3-447C-AB80-EFAF047C5916}"/>
                </a:ext>
              </a:extLst>
            </p:cNvPr>
            <p:cNvSpPr/>
            <p:nvPr>
              <p:custDataLst>
                <p:tags r:id="rId5"/>
              </p:custDataLst>
            </p:nvPr>
          </p:nvSpPr>
          <p:spPr>
            <a:xfrm>
              <a:off x="8937231" y="2104750"/>
              <a:ext cx="2481885" cy="1720406"/>
            </a:xfrm>
            <a:prstGeom prst="rect">
              <a:avLst/>
            </a:prstGeom>
          </p:spPr>
          <p:txBody>
            <a:bodyPr wrap="square" lIns="0" tIns="0" rIns="0" bIns="0">
              <a:spAutoFit/>
            </a:bodyPr>
            <a:lstStyle/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Even with </a:t>
              </a:r>
              <a:r>
                <a:rPr lang="en-US" sz="18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Zero</a:t>
              </a: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 </a:t>
              </a:r>
              <a:r>
                <a:rPr lang="en-US" sz="18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credit score</a:t>
              </a: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 there are acceptance case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No clear demarcation </a:t>
              </a: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unit for the number of terms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Random classification of loan goals</a:t>
              </a:r>
            </a:p>
            <a:p>
              <a:pPr marL="0" lvl="1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defRPr/>
              </a:pPr>
              <a:r>
                <a:rPr lang="en-US" sz="15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    (</a:t>
              </a:r>
              <a:r>
                <a:rPr lang="en-US" sz="1500" b="1" dirty="0" err="1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e.g</a:t>
              </a:r>
              <a:r>
                <a:rPr lang="en-US" sz="15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: Not specified, Unknown)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endParaRPr lang="en-US" sz="1500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</p:txBody>
        </p:sp>
        <p:sp>
          <p:nvSpPr>
            <p:cNvPr id="52" name="Rectangle 51">
              <a:extLst>
                <a:ext uri="{FF2B5EF4-FFF2-40B4-BE49-F238E27FC236}">
                  <a16:creationId xmlns:a16="http://schemas.microsoft.com/office/drawing/2014/main" id="{74C1ABFF-809D-4A24-BCD3-FDFA57805CF4}"/>
                </a:ext>
              </a:extLst>
            </p:cNvPr>
            <p:cNvSpPr/>
            <p:nvPr>
              <p:custDataLst>
                <p:tags r:id="rId6"/>
              </p:custDataLst>
            </p:nvPr>
          </p:nvSpPr>
          <p:spPr>
            <a:xfrm>
              <a:off x="2357474" y="2053734"/>
              <a:ext cx="2660560" cy="2531455"/>
            </a:xfrm>
            <a:prstGeom prst="rect">
              <a:avLst/>
            </a:prstGeom>
          </p:spPr>
          <p:txBody>
            <a:bodyPr wrap="square" lIns="0" tIns="0" rIns="0" bIns="0">
              <a:spAutoFit/>
            </a:bodyPr>
            <a:lstStyle/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Requested Amount ==0 </a:t>
              </a:r>
              <a:b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</a:b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: </a:t>
              </a:r>
              <a:r>
                <a:rPr lang="en-US" sz="18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2345 Accepted Cases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Requested Amount &lt; Offered Amount</a:t>
              </a:r>
              <a:b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</a:b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:</a:t>
              </a:r>
              <a:r>
                <a:rPr lang="en-US" sz="18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2722 Accepted Cases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Requested Amount, Offered Amount </a:t>
              </a:r>
            </a:p>
            <a:p>
              <a:pPr marL="0" lvl="1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defRPr/>
              </a:pP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 Credit Score =0 : </a:t>
              </a:r>
              <a:r>
                <a:rPr lang="en-US" sz="18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12462 Accepted Cases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  <a:cs typeface="Times New Roman" panose="02020603050405020304" pitchFamily="18" charset="0"/>
                </a:rPr>
                <a:t>Sudden Spike after 2017</a:t>
              </a:r>
              <a:endParaRPr lang="en-US" sz="1800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endParaRPr lang="en-US" sz="1500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endParaRPr lang="en-US" sz="1500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endParaRPr lang="en-US" sz="1500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</p:txBody>
        </p:sp>
        <p:sp>
          <p:nvSpPr>
            <p:cNvPr id="55" name="Rectangle 54">
              <a:extLst>
                <a:ext uri="{FF2B5EF4-FFF2-40B4-BE49-F238E27FC236}">
                  <a16:creationId xmlns:a16="http://schemas.microsoft.com/office/drawing/2014/main" id="{B1FD2883-B6AE-4BB8-966A-466BC5843DE5}"/>
                </a:ext>
              </a:extLst>
            </p:cNvPr>
            <p:cNvSpPr/>
            <p:nvPr/>
          </p:nvSpPr>
          <p:spPr>
            <a:xfrm>
              <a:off x="2300959" y="4654485"/>
              <a:ext cx="2477809" cy="184329"/>
            </a:xfrm>
            <a:prstGeom prst="rect">
              <a:avLst/>
            </a:prstGeom>
          </p:spPr>
          <p:txBody>
            <a:bodyPr wrap="square" lIns="0" tIns="0" rIns="0" bIns="0">
              <a:spAutoFit/>
            </a:bodyPr>
            <a:lstStyle/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endParaRPr lang="en-US" sz="1500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</p:txBody>
        </p:sp>
        <p:sp>
          <p:nvSpPr>
            <p:cNvPr id="56" name="Rectangle 55">
              <a:extLst>
                <a:ext uri="{FF2B5EF4-FFF2-40B4-BE49-F238E27FC236}">
                  <a16:creationId xmlns:a16="http://schemas.microsoft.com/office/drawing/2014/main" id="{E63436F7-5786-4752-A568-274C309CC018}"/>
                </a:ext>
              </a:extLst>
            </p:cNvPr>
            <p:cNvSpPr/>
            <p:nvPr/>
          </p:nvSpPr>
          <p:spPr>
            <a:xfrm>
              <a:off x="2239677" y="4788807"/>
              <a:ext cx="2675274" cy="1511500"/>
            </a:xfrm>
            <a:prstGeom prst="rect">
              <a:avLst/>
            </a:prstGeom>
          </p:spPr>
          <p:txBody>
            <a:bodyPr wrap="square" lIns="0" tIns="0" rIns="0" bIns="0">
              <a:spAutoFit/>
            </a:bodyPr>
            <a:lstStyle/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Less </a:t>
              </a:r>
              <a:r>
                <a:rPr lang="en-US" sz="18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than 24 months </a:t>
              </a: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data for Trend analysis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Null/missing records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r>
                <a:rPr lang="en-US" sz="1800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Duplicate acceptance case : No key identifier : </a:t>
              </a:r>
              <a:r>
                <a:rPr lang="en-US" altLang="en-US" sz="1800" b="1" dirty="0">
                  <a:solidFill>
                    <a:schemeClr val="bg1">
                      <a:lumMod val="50000"/>
                    </a:schemeClr>
                  </a:solidFill>
                  <a:latin typeface="AmplitudeTF" panose="02000506050000020004" pitchFamily="50" charset="0"/>
                </a:rPr>
                <a:t>5425 Records</a:t>
              </a:r>
            </a:p>
            <a:p>
              <a:pPr marL="150876" lvl="1" indent="-150876" fontAlgn="b">
                <a:spcBef>
                  <a:spcPts val="364"/>
                </a:spcBef>
                <a:spcAft>
                  <a:spcPts val="219"/>
                </a:spcAft>
                <a:buClr>
                  <a:srgbClr val="478FBF"/>
                </a:buClr>
                <a:buSzPct val="125000"/>
                <a:buFont typeface="Wingdings" panose="05000000000000000000" pitchFamily="2" charset="2"/>
                <a:buChar char="§"/>
                <a:defRPr/>
              </a:pPr>
              <a:endParaRPr lang="en-US" sz="1800" b="1" dirty="0">
                <a:solidFill>
                  <a:schemeClr val="bg1">
                    <a:lumMod val="50000"/>
                  </a:schemeClr>
                </a:solidFill>
                <a:latin typeface="AmplitudeTF" panose="02000506050000020004" pitchFamily="50" charset="0"/>
              </a:endParaRPr>
            </a:p>
          </p:txBody>
        </p:sp>
        <p:cxnSp>
          <p:nvCxnSpPr>
            <p:cNvPr id="58" name="Straight Connector 57">
              <a:extLst>
                <a:ext uri="{FF2B5EF4-FFF2-40B4-BE49-F238E27FC236}">
                  <a16:creationId xmlns:a16="http://schemas.microsoft.com/office/drawing/2014/main" id="{9F0A6034-5B32-42F6-8E5B-93913895CF3E}"/>
                </a:ext>
              </a:extLst>
            </p:cNvPr>
            <p:cNvCxnSpPr>
              <a:cxnSpLocks/>
              <a:stCxn id="62" idx="1"/>
            </p:cNvCxnSpPr>
            <p:nvPr/>
          </p:nvCxnSpPr>
          <p:spPr>
            <a:xfrm flipV="1">
              <a:off x="8937233" y="4335252"/>
              <a:ext cx="2593402" cy="680"/>
            </a:xfrm>
            <a:prstGeom prst="line">
              <a:avLst/>
            </a:prstGeom>
            <a:ln w="41275">
              <a:gradFill flip="none" rotWithShape="1">
                <a:gsLst>
                  <a:gs pos="31000">
                    <a:schemeClr val="bg2">
                      <a:lumMod val="40000"/>
                      <a:lumOff val="60000"/>
                    </a:schemeClr>
                  </a:gs>
                  <a:gs pos="100000">
                    <a:schemeClr val="bg2">
                      <a:lumMod val="40000"/>
                      <a:lumOff val="60000"/>
                      <a:alpha val="0"/>
                    </a:schemeClr>
                  </a:gs>
                </a:gsLst>
                <a:lin ang="0" scaled="1"/>
                <a:tileRect/>
              </a:gra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9" name="Straight Connector 58">
              <a:extLst>
                <a:ext uri="{FF2B5EF4-FFF2-40B4-BE49-F238E27FC236}">
                  <a16:creationId xmlns:a16="http://schemas.microsoft.com/office/drawing/2014/main" id="{24B3CD4F-4270-4C41-9640-317A07397CCA}"/>
                </a:ext>
              </a:extLst>
            </p:cNvPr>
            <p:cNvCxnSpPr/>
            <p:nvPr/>
          </p:nvCxnSpPr>
          <p:spPr>
            <a:xfrm>
              <a:off x="2304289" y="4391869"/>
              <a:ext cx="2474479" cy="0"/>
            </a:xfrm>
            <a:prstGeom prst="line">
              <a:avLst/>
            </a:prstGeom>
            <a:ln w="41275">
              <a:gradFill flip="none" rotWithShape="1">
                <a:gsLst>
                  <a:gs pos="31000">
                    <a:schemeClr val="bg2">
                      <a:lumMod val="40000"/>
                      <a:lumOff val="60000"/>
                    </a:schemeClr>
                  </a:gs>
                  <a:gs pos="100000">
                    <a:schemeClr val="bg2">
                      <a:lumMod val="40000"/>
                      <a:lumOff val="60000"/>
                      <a:alpha val="0"/>
                    </a:schemeClr>
                  </a:gs>
                </a:gsLst>
                <a:lin ang="10800000" scaled="1"/>
                <a:tileRect/>
              </a:gra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0" name="Oval 59">
              <a:extLst>
                <a:ext uri="{FF2B5EF4-FFF2-40B4-BE49-F238E27FC236}">
                  <a16:creationId xmlns:a16="http://schemas.microsoft.com/office/drawing/2014/main" id="{7F4D3353-EB73-4968-804A-F2D6EAB90058}"/>
                </a:ext>
              </a:extLst>
            </p:cNvPr>
            <p:cNvSpPr/>
            <p:nvPr/>
          </p:nvSpPr>
          <p:spPr>
            <a:xfrm>
              <a:off x="5938017" y="3371294"/>
              <a:ext cx="1901626" cy="1965200"/>
            </a:xfrm>
            <a:prstGeom prst="ellipse">
              <a:avLst/>
            </a:prstGeom>
            <a:solidFill>
              <a:schemeClr val="bg1"/>
            </a:solidFill>
            <a:ln w="9525">
              <a:noFill/>
            </a:ln>
            <a:effectLst>
              <a:outerShdw blurRad="368300" dist="38100" dir="2700000" sx="97000" sy="97000" algn="tl" rotWithShape="0">
                <a:prstClr val="black">
                  <a:alpha val="2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 defTabSz="1005840" eaLnBrk="0" hangingPunct="0">
                <a:lnSpc>
                  <a:spcPct val="110000"/>
                </a:lnSpc>
                <a:buClr>
                  <a:srgbClr val="C0C0C0"/>
                </a:buClr>
                <a:buSzPct val="92000"/>
                <a:defRPr/>
              </a:pPr>
              <a:r>
                <a:rPr lang="en-US" sz="2000" b="1" kern="0" cap="all" dirty="0">
                  <a:solidFill>
                    <a:srgbClr val="0069A3"/>
                  </a:solidFill>
                  <a:latin typeface="AmplitudeTF" panose="02000506050000020004" pitchFamily="50" charset="0"/>
                  <a:ea typeface="LF_Kai"/>
                </a:rPr>
                <a:t>Data  Inconsistencies</a:t>
              </a:r>
            </a:p>
          </p:txBody>
        </p:sp>
      </p:grpSp>
      <p:sp>
        <p:nvSpPr>
          <p:cNvPr id="69" name="Rectangle 68">
            <a:extLst>
              <a:ext uri="{FF2B5EF4-FFF2-40B4-BE49-F238E27FC236}">
                <a16:creationId xmlns:a16="http://schemas.microsoft.com/office/drawing/2014/main" id="{81C67F76-6CE8-484D-8E34-8F336BA4AA64}"/>
              </a:ext>
            </a:extLst>
          </p:cNvPr>
          <p:cNvSpPr>
            <a:spLocks noChangeArrowheads="1"/>
          </p:cNvSpPr>
          <p:nvPr/>
        </p:nvSpPr>
        <p:spPr bwMode="gray">
          <a:xfrm>
            <a:off x="7879723" y="2858850"/>
            <a:ext cx="1841671" cy="1040291"/>
          </a:xfrm>
          <a:prstGeom prst="rect">
            <a:avLst/>
          </a:prstGeom>
          <a:noFill/>
          <a:ln w="76200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1005840" eaLnBrk="0" hangingPunct="0">
              <a:buClr>
                <a:srgbClr val="C0C0C0"/>
              </a:buClr>
              <a:buSzPct val="92000"/>
              <a:defRPr/>
            </a:pPr>
            <a:r>
              <a:rPr lang="en-US" sz="1800" b="1" kern="0" dirty="0">
                <a:solidFill>
                  <a:schemeClr val="bg1"/>
                </a:solidFill>
                <a:latin typeface="AmplitudeTF" panose="02000506050000020004" pitchFamily="50" charset="0"/>
                <a:ea typeface="LF_Kai"/>
              </a:rPr>
              <a:t>Features logic</a:t>
            </a:r>
          </a:p>
          <a:p>
            <a:pPr algn="ctr" defTabSz="1005840" eaLnBrk="0" hangingPunct="0">
              <a:buClr>
                <a:srgbClr val="C0C0C0"/>
              </a:buClr>
              <a:buSzPct val="92000"/>
              <a:defRPr/>
            </a:pPr>
            <a:endParaRPr lang="en-US" sz="1800" b="1" kern="0" dirty="0">
              <a:solidFill>
                <a:schemeClr val="bg1"/>
              </a:solidFill>
              <a:latin typeface="AmplitudeTF" panose="02000506050000020004" pitchFamily="50" charset="0"/>
              <a:ea typeface="LF_Kai"/>
            </a:endParaRPr>
          </a:p>
        </p:txBody>
      </p:sp>
      <p:sp>
        <p:nvSpPr>
          <p:cNvPr id="92" name="Rectangle 91">
            <a:extLst>
              <a:ext uri="{FF2B5EF4-FFF2-40B4-BE49-F238E27FC236}">
                <a16:creationId xmlns:a16="http://schemas.microsoft.com/office/drawing/2014/main" id="{E52C4CF3-F3DC-4ACA-8876-76A12968AF5D}"/>
              </a:ext>
            </a:extLst>
          </p:cNvPr>
          <p:cNvSpPr>
            <a:spLocks noChangeArrowheads="1"/>
          </p:cNvSpPr>
          <p:nvPr/>
        </p:nvSpPr>
        <p:spPr bwMode="gray">
          <a:xfrm>
            <a:off x="7766082" y="5468452"/>
            <a:ext cx="1841671" cy="1040291"/>
          </a:xfrm>
          <a:prstGeom prst="rect">
            <a:avLst/>
          </a:prstGeom>
          <a:noFill/>
          <a:ln w="76200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1005840" eaLnBrk="0" hangingPunct="0">
              <a:buClr>
                <a:srgbClr val="C0C0C0"/>
              </a:buClr>
              <a:buSzPct val="92000"/>
              <a:defRPr/>
            </a:pPr>
            <a:r>
              <a:rPr lang="en-US" sz="1800" b="1" kern="0" dirty="0">
                <a:solidFill>
                  <a:schemeClr val="bg1"/>
                </a:solidFill>
                <a:latin typeface="AmplitudeTF" panose="02000506050000020004" pitchFamily="50" charset="0"/>
                <a:ea typeface="LF_Kai"/>
              </a:rPr>
              <a:t>Event Logs</a:t>
            </a:r>
          </a:p>
          <a:p>
            <a:pPr algn="ctr" defTabSz="1005840" eaLnBrk="0" hangingPunct="0">
              <a:buClr>
                <a:srgbClr val="C0C0C0"/>
              </a:buClr>
              <a:buSzPct val="92000"/>
              <a:defRPr/>
            </a:pPr>
            <a:endParaRPr lang="en-US" sz="1800" b="1" kern="0" dirty="0">
              <a:solidFill>
                <a:schemeClr val="bg1"/>
              </a:solidFill>
              <a:latin typeface="AmplitudeTF" panose="02000506050000020004" pitchFamily="50" charset="0"/>
              <a:ea typeface="LF_Kai"/>
            </a:endParaRPr>
          </a:p>
        </p:txBody>
      </p:sp>
      <p:sp>
        <p:nvSpPr>
          <p:cNvPr id="30" name="Title 5">
            <a:extLst>
              <a:ext uri="{FF2B5EF4-FFF2-40B4-BE49-F238E27FC236}">
                <a16:creationId xmlns:a16="http://schemas.microsoft.com/office/drawing/2014/main" id="{D3095587-F9D1-4888-8D04-21CA5B223B1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94944" y="484632"/>
            <a:ext cx="13249656" cy="722376"/>
          </a:xfrm>
        </p:spPr>
        <p:txBody>
          <a:bodyPr/>
          <a:lstStyle/>
          <a:p>
            <a:r>
              <a:rPr lang="en-US" sz="2800" dirty="0"/>
              <a:t>Anomalies</a:t>
            </a:r>
          </a:p>
        </p:txBody>
      </p:sp>
      <p:sp>
        <p:nvSpPr>
          <p:cNvPr id="4" name="Rectangle 2">
            <a:extLst>
              <a:ext uri="{FF2B5EF4-FFF2-40B4-BE49-F238E27FC236}">
                <a16:creationId xmlns:a16="http://schemas.microsoft.com/office/drawing/2014/main" id="{4E7CACAF-8F70-34BA-6439-F8101F35764D}"/>
              </a:ext>
            </a:extLst>
          </p:cNvPr>
          <p:cNvSpPr>
            <a:spLocks noChangeArrowheads="1"/>
          </p:cNvSpPr>
          <p:nvPr/>
        </p:nvSpPr>
        <p:spPr bwMode="auto">
          <a:xfrm>
            <a:off x="152400" y="242500"/>
            <a:ext cx="65" cy="276999"/>
          </a:xfrm>
          <a:prstGeom prst="rect">
            <a:avLst/>
          </a:prstGeom>
          <a:solidFill>
            <a:srgbClr val="FFFFFF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altLang="en-US" sz="1800" b="0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65544686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0">
            <a:extLst>
              <a:ext uri="{FF2B5EF4-FFF2-40B4-BE49-F238E27FC236}">
                <a16:creationId xmlns:a16="http://schemas.microsoft.com/office/drawing/2014/main" id="{54944536-53CE-4B7C-A578-2A21EDB86A20}"/>
              </a:ext>
            </a:extLst>
          </p:cNvPr>
          <p:cNvSpPr>
            <a:spLocks noGrp="1"/>
          </p:cNvSpPr>
          <p:nvPr>
            <p:ph type="title" idx="10"/>
          </p:nvPr>
        </p:nvSpPr>
        <p:spPr/>
        <p:txBody>
          <a:bodyPr/>
          <a:lstStyle/>
          <a:p>
            <a:r>
              <a:rPr lang="en-US" sz="4400" dirty="0"/>
              <a:t>Questions?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86891261-F9D4-4BBF-B492-D02729A70A28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9866375" y="7443216"/>
            <a:ext cx="4078225" cy="27432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356983278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AE427236-7F2A-F834-660B-4C25459EC3B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DDB7CAC-F2D4-3387-1AD6-B155FEA7F60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Application Count vs Loan Goals</a:t>
            </a:r>
          </a:p>
        </p:txBody>
      </p:sp>
      <p:pic>
        <p:nvPicPr>
          <p:cNvPr id="7" name="Picture 8">
            <a:extLst>
              <a:ext uri="{FF2B5EF4-FFF2-40B4-BE49-F238E27FC236}">
                <a16:creationId xmlns:a16="http://schemas.microsoft.com/office/drawing/2014/main" id="{63E375B9-1747-8951-FAE9-7682AAE30367}"/>
              </a:ext>
            </a:extLst>
          </p:cNvPr>
          <p:cNvPicPr>
            <a:picLocks noGrp="1" noChangeAspect="1" noChangeArrowheads="1"/>
          </p:cNvPicPr>
          <p:nvPr>
            <p:ph idx="10"/>
          </p:nvPr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94944" y="1395695"/>
            <a:ext cx="12556237" cy="593402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070578394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4946F35-E89B-A074-EF52-F725E7DC89B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35BB3A7-CD37-E30B-4BBD-EEB75E042A6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Application Count vs Application Types</a:t>
            </a:r>
          </a:p>
        </p:txBody>
      </p:sp>
      <p:pic>
        <p:nvPicPr>
          <p:cNvPr id="4" name="Picture 10">
            <a:extLst>
              <a:ext uri="{FF2B5EF4-FFF2-40B4-BE49-F238E27FC236}">
                <a16:creationId xmlns:a16="http://schemas.microsoft.com/office/drawing/2014/main" id="{82F5EC61-2E5D-221A-2C7D-0D08AE1C6A0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93230" y="1451429"/>
            <a:ext cx="10887456" cy="589279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78174393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870620B-86C8-1433-68AE-85306F4B305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661768E-111A-DCE6-8D00-A036410A8FD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Application Count vs Number of Terms</a:t>
            </a:r>
          </a:p>
        </p:txBody>
      </p:sp>
      <p:pic>
        <p:nvPicPr>
          <p:cNvPr id="3" name="Picture 12">
            <a:extLst>
              <a:ext uri="{FF2B5EF4-FFF2-40B4-BE49-F238E27FC236}">
                <a16:creationId xmlns:a16="http://schemas.microsoft.com/office/drawing/2014/main" id="{1C55F63B-E49E-D599-DD4E-90C36C087D5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9772" y="1407982"/>
            <a:ext cx="9840685" cy="592437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269543118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3CBB9AB-E83C-DCE1-62B0-63154515882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C7AC810-1BE7-0361-E586-1AB61C64814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Application Count vs Requested Amount</a:t>
            </a:r>
          </a:p>
        </p:txBody>
      </p:sp>
      <p:pic>
        <p:nvPicPr>
          <p:cNvPr id="4" name="Picture 6">
            <a:extLst>
              <a:ext uri="{FF2B5EF4-FFF2-40B4-BE49-F238E27FC236}">
                <a16:creationId xmlns:a16="http://schemas.microsoft.com/office/drawing/2014/main" id="{86CD15E0-4D48-3534-AA33-D1CD712C75A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25485" y="1409770"/>
            <a:ext cx="9302736" cy="581154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170825152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5A62B2F-0307-C0E6-8C72-2A467420199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>
            <a:extLst>
              <a:ext uri="{FF2B5EF4-FFF2-40B4-BE49-F238E27FC236}">
                <a16:creationId xmlns:a16="http://schemas.microsoft.com/office/drawing/2014/main" id="{5AF260F3-F4BE-D402-FAAB-6CB23D99EF12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9866375" y="7443216"/>
            <a:ext cx="4078225" cy="27432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7" name="PitchProTitleShape">
            <a:extLst>
              <a:ext uri="{FF2B5EF4-FFF2-40B4-BE49-F238E27FC236}">
                <a16:creationId xmlns:a16="http://schemas.microsoft.com/office/drawing/2014/main" id="{455F9358-DA3E-99F6-F267-EC33B89137C0}"/>
              </a:ext>
            </a:extLst>
          </p:cNvPr>
          <p:cNvSpPr>
            <a:spLocks noGrp="1"/>
          </p:cNvSpPr>
          <p:nvPr>
            <p:ph type="title" idx="10"/>
          </p:nvPr>
        </p:nvSpPr>
        <p:spPr>
          <a:xfrm>
            <a:off x="694944" y="2998780"/>
            <a:ext cx="13249656" cy="677108"/>
          </a:xfrm>
        </p:spPr>
        <p:txBody>
          <a:bodyPr/>
          <a:lstStyle/>
          <a:p>
            <a:r>
              <a:rPr lang="en-US" sz="4400" dirty="0"/>
              <a:t>B</a:t>
            </a:r>
            <a:r>
              <a:rPr lang="en-IN" sz="4400" dirty="0" err="1"/>
              <a:t>usiness</a:t>
            </a:r>
            <a:r>
              <a:rPr lang="en-IN" sz="4400" dirty="0"/>
              <a:t> Process Flow</a:t>
            </a:r>
            <a:endParaRPr lang="en-US" sz="44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139149646"/>
      </p:ext>
    </p:extLst>
  </p:cSld>
  <p:clrMapOvr>
    <a:masterClrMapping/>
  </p:clrMapOvr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93E392D9-A746-3BAE-1890-337F37CEDB2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E68D793-BF94-A668-F02F-9242E157ACB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(Requested &amp; Offered Amount) vs Loan Goal</a:t>
            </a:r>
          </a:p>
        </p:txBody>
      </p:sp>
      <p:pic>
        <p:nvPicPr>
          <p:cNvPr id="3" name="Picture 12">
            <a:extLst>
              <a:ext uri="{FF2B5EF4-FFF2-40B4-BE49-F238E27FC236}">
                <a16:creationId xmlns:a16="http://schemas.microsoft.com/office/drawing/2014/main" id="{CFAF474F-4E02-2887-1E10-B6DE66553B9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66330" y="1367183"/>
            <a:ext cx="9479145" cy="603594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907492672"/>
      </p:ext>
    </p:extLst>
  </p:cSld>
  <p:clrMapOvr>
    <a:masterClrMapping/>
  </p:clrMapOvr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125D907-DAA5-AC3F-B567-EA2825C3C6C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C60F4E9-FF00-A0F0-6D64-55370F6E9BA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(Requested &amp; Offered Amount) vs Application Type</a:t>
            </a:r>
          </a:p>
        </p:txBody>
      </p:sp>
      <p:pic>
        <p:nvPicPr>
          <p:cNvPr id="4" name="Picture 14">
            <a:extLst>
              <a:ext uri="{FF2B5EF4-FFF2-40B4-BE49-F238E27FC236}">
                <a16:creationId xmlns:a16="http://schemas.microsoft.com/office/drawing/2014/main" id="{399F056F-A060-6957-3236-EA431ADDB38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14504" y="1366634"/>
            <a:ext cx="10305733" cy="598397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803213355"/>
      </p:ext>
    </p:extLst>
  </p:cSld>
  <p:clrMapOvr>
    <a:masterClrMapping/>
  </p:clrMapOvr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AE9EE56A-2423-7833-2C74-B043B0B5336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83EC8B3-5C00-E748-5A30-986B676CAA3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(Requested &amp; Offered Amount) vs Number of Terms</a:t>
            </a:r>
          </a:p>
        </p:txBody>
      </p:sp>
      <p:pic>
        <p:nvPicPr>
          <p:cNvPr id="3" name="Picture 20">
            <a:extLst>
              <a:ext uri="{FF2B5EF4-FFF2-40B4-BE49-F238E27FC236}">
                <a16:creationId xmlns:a16="http://schemas.microsoft.com/office/drawing/2014/main" id="{5FAD2F95-2F53-48C1-6F4C-4F66E7ED6B6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68705" y="1370724"/>
            <a:ext cx="12148351" cy="60281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210107769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C6DCFD3-4C7A-4AF0-B026-17555F6D206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E8FEC6C-3B71-DFD3-068B-A4FCE6C2476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(Requested &amp; Offered Amount) vs Credit Score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4AF1884A-1DF9-3F4D-F308-D0F1166F0A0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06964" y="1347682"/>
            <a:ext cx="12203256" cy="60554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92101132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037DC2C-3A71-589A-AE60-FD0CFA925BF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79D2829-45E3-7FB8-EE3F-4D6C7E576CB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Acceptance Rate Vs Loan Goals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E6157935-CE65-9E98-2141-84E663ECCE6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9506" y="1390236"/>
            <a:ext cx="8799617" cy="679214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291450603"/>
      </p:ext>
    </p:extLst>
  </p:cSld>
  <p:clrMapOvr>
    <a:masterClrMapping/>
  </p:clrMapOvr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F4BE519-DD54-DC0E-9256-C4F3F6EC22C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5F8C08E-5DD3-6290-A803-EEBCAF1C13C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Acceptance Rate Vs Application Type</a:t>
            </a:r>
          </a:p>
        </p:txBody>
      </p:sp>
      <p:pic>
        <p:nvPicPr>
          <p:cNvPr id="10242" name="Picture 2">
            <a:extLst>
              <a:ext uri="{FF2B5EF4-FFF2-40B4-BE49-F238E27FC236}">
                <a16:creationId xmlns:a16="http://schemas.microsoft.com/office/drawing/2014/main" id="{265F04C5-021F-BC8F-84D6-6023D4F67B1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0531" y="1729853"/>
            <a:ext cx="13929337" cy="54573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725819312"/>
      </p:ext>
    </p:extLst>
  </p:cSld>
  <p:clrMapOvr>
    <a:masterClrMapping/>
  </p:clrMapOvr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80B26F7-EA5E-C6AE-F6A4-5551DD1DAA9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FE190E8-6CB2-A09D-77AE-9A3DC10D646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Acceptance Rate Vs Number of Terms</a:t>
            </a:r>
          </a:p>
        </p:txBody>
      </p:sp>
      <p:pic>
        <p:nvPicPr>
          <p:cNvPr id="12" name="Picture 11" descr="A graph of blue rectangular shapes&#10;&#10;Description automatically generated with medium confidence">
            <a:extLst>
              <a:ext uri="{FF2B5EF4-FFF2-40B4-BE49-F238E27FC236}">
                <a16:creationId xmlns:a16="http://schemas.microsoft.com/office/drawing/2014/main" id="{6A9593E4-BFF7-417C-A9A8-6E9AFD3EC9C6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88928" y="1719072"/>
            <a:ext cx="13652543" cy="5650992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78558442"/>
      </p:ext>
    </p:extLst>
  </p:cSld>
  <p:clrMapOvr>
    <a:masterClrMapping/>
  </p:clrMapOvr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CA42EED-1ED8-3985-C856-B7795DCCC25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920598B-4AD9-DC79-A36D-44FDB7AF2CE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Acceptance Range Vs Requested Amount</a:t>
            </a:r>
          </a:p>
        </p:txBody>
      </p:sp>
      <p:pic>
        <p:nvPicPr>
          <p:cNvPr id="4" name="Picture 4">
            <a:extLst>
              <a:ext uri="{FF2B5EF4-FFF2-40B4-BE49-F238E27FC236}">
                <a16:creationId xmlns:a16="http://schemas.microsoft.com/office/drawing/2014/main" id="{E58FED9A-BB2B-2C3A-A509-68993336709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33856" y="1408177"/>
            <a:ext cx="9418320" cy="633679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844001822"/>
      </p:ext>
    </p:extLst>
  </p:cSld>
  <p:clrMapOvr>
    <a:masterClrMapping/>
  </p:clrMapOvr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4B83A9F-418A-86B2-15EA-363CAC9901C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Interest Rate Vs Loan Goals</a:t>
            </a:r>
            <a:endParaRPr lang="en-IN" sz="2800" dirty="0"/>
          </a:p>
        </p:txBody>
      </p:sp>
      <p:pic>
        <p:nvPicPr>
          <p:cNvPr id="7170" name="Picture 2">
            <a:extLst>
              <a:ext uri="{FF2B5EF4-FFF2-40B4-BE49-F238E27FC236}">
                <a16:creationId xmlns:a16="http://schemas.microsoft.com/office/drawing/2014/main" id="{2BAD0857-38B2-7C58-F70D-8545EFBE172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77457" y="1378076"/>
            <a:ext cx="11205855" cy="599406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415918905"/>
      </p:ext>
    </p:extLst>
  </p:cSld>
  <p:clrMapOvr>
    <a:masterClrMapping/>
  </p:clrMapOvr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46FB810-D10E-117E-3972-5AB04B380FC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B876713-5AF1-281E-1E0A-6BDC093AAF0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Interest Rate Vs Requested Amount</a:t>
            </a:r>
            <a:endParaRPr lang="en-IN" sz="2800" dirty="0"/>
          </a:p>
        </p:txBody>
      </p:sp>
      <p:pic>
        <p:nvPicPr>
          <p:cNvPr id="8194" name="Picture 2">
            <a:extLst>
              <a:ext uri="{FF2B5EF4-FFF2-40B4-BE49-F238E27FC236}">
                <a16:creationId xmlns:a16="http://schemas.microsoft.com/office/drawing/2014/main" id="{AC41F23F-8E67-0B9A-2AD8-3BCE4307744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65922" y="1396365"/>
            <a:ext cx="11298555" cy="595723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981043973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58477238-D26E-4D3C-9D7F-0CE07F0BACD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Business Process Flow</a:t>
            </a:r>
          </a:p>
        </p:txBody>
      </p:sp>
      <p:sp>
        <p:nvSpPr>
          <p:cNvPr id="9" name="PageNumber">
            <a:extLst>
              <a:ext uri="{FF2B5EF4-FFF2-40B4-BE49-F238E27FC236}">
                <a16:creationId xmlns:a16="http://schemas.microsoft.com/office/drawing/2014/main" id="{1E8B83F1-F9AE-4D3C-82FF-0D85ACECFE9B}"/>
              </a:ext>
            </a:extLst>
          </p:cNvPr>
          <p:cNvSpPr txBox="1"/>
          <p:nvPr/>
        </p:nvSpPr>
        <p:spPr>
          <a:xfrm>
            <a:off x="7150608" y="7507224"/>
            <a:ext cx="329184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E1D60291-CCB3-C59E-487D-C267580F7471}"/>
              </a:ext>
            </a:extLst>
          </p:cNvPr>
          <p:cNvSpPr>
            <a:spLocks noGrp="1"/>
          </p:cNvSpPr>
          <p:nvPr>
            <p:ph idx="10"/>
          </p:nvPr>
        </p:nvSpPr>
        <p:spPr/>
        <p:txBody>
          <a:bodyPr/>
          <a:lstStyle/>
          <a:p>
            <a:endParaRPr lang="en-IN"/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52CF7747-93E9-F1AE-EE93-005F1417C8BC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71068" y="1413164"/>
            <a:ext cx="14251515" cy="6816436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904020615"/>
      </p:ext>
    </p:extLst>
  </p:cSld>
  <p:clrMapOvr>
    <a:masterClrMapping/>
  </p:clrMapOvr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56406A1-85B4-B2A3-E4FA-8B7E1F751A7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6AF487B-8832-A3AF-5DD2-C09DDC6040A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Interest Rate Vs Number of Terms</a:t>
            </a:r>
            <a:endParaRPr lang="en-IN" sz="2800" dirty="0"/>
          </a:p>
        </p:txBody>
      </p:sp>
      <p:pic>
        <p:nvPicPr>
          <p:cNvPr id="9218" name="Picture 2">
            <a:extLst>
              <a:ext uri="{FF2B5EF4-FFF2-40B4-BE49-F238E27FC236}">
                <a16:creationId xmlns:a16="http://schemas.microsoft.com/office/drawing/2014/main" id="{4C4499F6-1CF0-FD13-3740-5B67128435F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32394" y="1396364"/>
            <a:ext cx="11187494" cy="594115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263063802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E21A3DE2-EBA8-8FF9-012A-28FB210E596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8E6BA0B-CF2A-3BCC-A567-BD39F3A41DD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Rejection Rate Vs Loan Goals</a:t>
            </a:r>
            <a:endParaRPr lang="en-IN" sz="2800" dirty="0"/>
          </a:p>
        </p:txBody>
      </p:sp>
      <p:pic>
        <p:nvPicPr>
          <p:cNvPr id="10" name="Picture 9" descr="A graph of a graph with numbers and text&#10;&#10;Description automatically generated with medium confidence">
            <a:extLst>
              <a:ext uri="{FF2B5EF4-FFF2-40B4-BE49-F238E27FC236}">
                <a16:creationId xmlns:a16="http://schemas.microsoft.com/office/drawing/2014/main" id="{BEBA1706-8D57-D9A8-1C00-B14D06158420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14127" y="1607760"/>
            <a:ext cx="13430473" cy="498647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43396597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93A4BA2-9430-090C-FDCC-A518F9CD5E8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B04F2B2-70D1-AC24-F6CA-C8C8BFF434A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Rejection Rate Vs Application Type</a:t>
            </a:r>
            <a:endParaRPr lang="en-IN" sz="2800" dirty="0"/>
          </a:p>
        </p:txBody>
      </p:sp>
      <p:pic>
        <p:nvPicPr>
          <p:cNvPr id="8" name="Picture 7" descr="A blue rectangle with white text&#10;&#10;Description automatically generated">
            <a:extLst>
              <a:ext uri="{FF2B5EF4-FFF2-40B4-BE49-F238E27FC236}">
                <a16:creationId xmlns:a16="http://schemas.microsoft.com/office/drawing/2014/main" id="{BB90052B-5FC2-5A96-3FA7-3363E8EB3D3D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55836" y="1892543"/>
            <a:ext cx="13518728" cy="529956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80554423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36BB130-A0DB-983B-F335-67B6085F2E5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E6C5CD6-D3BB-BA3D-FDA2-8DE858F9E8F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Rejection Rate Vs Number of Terms</a:t>
            </a:r>
            <a:endParaRPr lang="en-IN" sz="2800" dirty="0"/>
          </a:p>
        </p:txBody>
      </p:sp>
      <p:pic>
        <p:nvPicPr>
          <p:cNvPr id="6" name="Picture 5" descr="A graph with blue squares&#10;&#10;Description automatically generated">
            <a:extLst>
              <a:ext uri="{FF2B5EF4-FFF2-40B4-BE49-F238E27FC236}">
                <a16:creationId xmlns:a16="http://schemas.microsoft.com/office/drawing/2014/main" id="{DAE6E512-CD79-E58D-39F5-1C570CA4178B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34249" y="1670537"/>
            <a:ext cx="13639067" cy="54336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79290301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1F4AB54-E5B6-91DC-35D3-18F9BFD58C96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7FF5579-C77E-48A3-1FD4-D1250DA758F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Rejection Rate Vs Credit Score</a:t>
            </a:r>
            <a:endParaRPr lang="en-IN" sz="2800" dirty="0"/>
          </a:p>
        </p:txBody>
      </p:sp>
      <p:pic>
        <p:nvPicPr>
          <p:cNvPr id="4" name="Picture 3" descr="A graph with blue squares and numbers&#10;&#10;Description automatically generated">
            <a:extLst>
              <a:ext uri="{FF2B5EF4-FFF2-40B4-BE49-F238E27FC236}">
                <a16:creationId xmlns:a16="http://schemas.microsoft.com/office/drawing/2014/main" id="{6D3FF1D1-0583-B0C9-3335-4B68C2C7184B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46232" y="1529862"/>
            <a:ext cx="13744555" cy="522262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1718395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944CB8F-C80B-1A11-0FA6-1AB783E1990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>
            <a:extLst>
              <a:ext uri="{FF2B5EF4-FFF2-40B4-BE49-F238E27FC236}">
                <a16:creationId xmlns:a16="http://schemas.microsoft.com/office/drawing/2014/main" id="{D347046A-558E-1429-42CF-490EAF8EEA5B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9866375" y="7443216"/>
            <a:ext cx="4078225" cy="27432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7" name="PitchProTitleShape">
            <a:extLst>
              <a:ext uri="{FF2B5EF4-FFF2-40B4-BE49-F238E27FC236}">
                <a16:creationId xmlns:a16="http://schemas.microsoft.com/office/drawing/2014/main" id="{B1BB63F2-6BFA-20FD-AF04-7BF0AE893489}"/>
              </a:ext>
            </a:extLst>
          </p:cNvPr>
          <p:cNvSpPr>
            <a:spLocks noGrp="1"/>
          </p:cNvSpPr>
          <p:nvPr>
            <p:ph type="title" idx="10"/>
          </p:nvPr>
        </p:nvSpPr>
        <p:spPr>
          <a:xfrm>
            <a:off x="694944" y="2998780"/>
            <a:ext cx="13249656" cy="677108"/>
          </a:xfrm>
        </p:spPr>
        <p:txBody>
          <a:bodyPr/>
          <a:lstStyle/>
          <a:p>
            <a:r>
              <a:rPr lang="en-IN" sz="4400" dirty="0"/>
              <a:t>Variant Exploration</a:t>
            </a:r>
            <a:endParaRPr lang="en-US" sz="44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472357253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A1B401E-8994-9C6A-A67B-84538492B38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>
            <a:extLst>
              <a:ext uri="{FF2B5EF4-FFF2-40B4-BE49-F238E27FC236}">
                <a16:creationId xmlns:a16="http://schemas.microsoft.com/office/drawing/2014/main" id="{F5083B62-A1E7-3139-83C3-8C98EDF5650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Variants Of Process Flow</a:t>
            </a:r>
          </a:p>
        </p:txBody>
      </p:sp>
      <p:pic>
        <p:nvPicPr>
          <p:cNvPr id="3" name="Content Placeholder 2">
            <a:extLst>
              <a:ext uri="{FF2B5EF4-FFF2-40B4-BE49-F238E27FC236}">
                <a16:creationId xmlns:a16="http://schemas.microsoft.com/office/drawing/2014/main" id="{DB3880DC-6625-6A9E-3ACD-C9F8A706583E}"/>
              </a:ext>
            </a:extLst>
          </p:cNvPr>
          <p:cNvPicPr>
            <a:picLocks noGrp="1" noChangeAspect="1"/>
          </p:cNvPicPr>
          <p:nvPr>
            <p:ph idx="10"/>
          </p:nvPr>
        </p:nvPicPr>
        <p:blipFill>
          <a:blip r:embed="rId3"/>
          <a:srcRect l="4889" r="13268" b="5210"/>
          <a:stretch/>
        </p:blipFill>
        <p:spPr>
          <a:xfrm>
            <a:off x="694944" y="1376097"/>
            <a:ext cx="9214600" cy="6764384"/>
          </a:xfrm>
        </p:spPr>
      </p:pic>
      <p:sp>
        <p:nvSpPr>
          <p:cNvPr id="9" name="PageNumber">
            <a:extLst>
              <a:ext uri="{FF2B5EF4-FFF2-40B4-BE49-F238E27FC236}">
                <a16:creationId xmlns:a16="http://schemas.microsoft.com/office/drawing/2014/main" id="{38BD09BB-98FA-92CA-66BA-B8F7202F13D7}"/>
              </a:ext>
            </a:extLst>
          </p:cNvPr>
          <p:cNvSpPr txBox="1"/>
          <p:nvPr/>
        </p:nvSpPr>
        <p:spPr>
          <a:xfrm>
            <a:off x="7150608" y="7507224"/>
            <a:ext cx="329184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844643847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87390FC-9E37-E00C-CB60-6F2BC75C93E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>
            <a:extLst>
              <a:ext uri="{FF2B5EF4-FFF2-40B4-BE49-F238E27FC236}">
                <a16:creationId xmlns:a16="http://schemas.microsoft.com/office/drawing/2014/main" id="{46209180-DAE8-61A3-1B6F-EF4E1C3AEDD8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9866375" y="7443216"/>
            <a:ext cx="4078225" cy="27432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7" name="PitchProTitleShape">
            <a:extLst>
              <a:ext uri="{FF2B5EF4-FFF2-40B4-BE49-F238E27FC236}">
                <a16:creationId xmlns:a16="http://schemas.microsoft.com/office/drawing/2014/main" id="{811F9BB0-AF9A-41A1-D691-8BBAC53C18E8}"/>
              </a:ext>
            </a:extLst>
          </p:cNvPr>
          <p:cNvSpPr>
            <a:spLocks noGrp="1"/>
          </p:cNvSpPr>
          <p:nvPr>
            <p:ph type="title" idx="10"/>
          </p:nvPr>
        </p:nvSpPr>
        <p:spPr>
          <a:xfrm>
            <a:off x="694944" y="2998780"/>
            <a:ext cx="13249656" cy="677108"/>
          </a:xfrm>
        </p:spPr>
        <p:txBody>
          <a:bodyPr/>
          <a:lstStyle/>
          <a:p>
            <a:r>
              <a:rPr lang="en-IN" sz="4400" dirty="0"/>
              <a:t>Exploratory Data Analysis(EDA)</a:t>
            </a:r>
            <a:endParaRPr lang="en-US" sz="44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935373592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81CF23C-6803-4917-0D46-53011648EE1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Content Placeholder 12">
            <a:extLst>
              <a:ext uri="{FF2B5EF4-FFF2-40B4-BE49-F238E27FC236}">
                <a16:creationId xmlns:a16="http://schemas.microsoft.com/office/drawing/2014/main" id="{4CEBB838-87C0-99F0-2A1B-1E7418D19A3A}"/>
              </a:ext>
            </a:extLst>
          </p:cNvPr>
          <p:cNvSpPr txBox="1">
            <a:spLocks/>
          </p:cNvSpPr>
          <p:nvPr/>
        </p:nvSpPr>
        <p:spPr>
          <a:xfrm>
            <a:off x="4055647" y="2009207"/>
            <a:ext cx="3530577" cy="597365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mplitudeTF" panose="02000506050000020004" pitchFamily="50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en-US" sz="2400" dirty="0">
                <a:solidFill>
                  <a:schemeClr val="accent1"/>
                </a:solidFill>
              </a:rPr>
              <a:t>Application Type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endParaRPr lang="en-US" sz="160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The chart shows that most applications are for "New credit" (40,000+), significantly outnumbering "Limit raise" applications (&lt;5,000). 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This indicates that majority applicants seek new credit rather than increasing existing limits.</a:t>
            </a:r>
          </a:p>
        </p:txBody>
      </p:sp>
      <p:sp>
        <p:nvSpPr>
          <p:cNvPr id="11" name="Content Placeholder 10">
            <a:extLst>
              <a:ext uri="{FF2B5EF4-FFF2-40B4-BE49-F238E27FC236}">
                <a16:creationId xmlns:a16="http://schemas.microsoft.com/office/drawing/2014/main" id="{984DF825-2A45-7A86-2864-83FDC55274D0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270323" y="1993391"/>
            <a:ext cx="3694578" cy="5989466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Loan Goals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marL="288925" indent="-285750">
              <a:buFont typeface="Arial" panose="020B0604020202020204" pitchFamily="34" charset="0"/>
              <a:buChar char="•"/>
            </a:pPr>
            <a:endParaRPr lang="en-US" sz="160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The most common loan goals are "Car" (12,000+) and "Home Improvement" (11,000+), dominating the distribution.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Additionally, "Other, see description" and "Not specified" collectively account for a significant number, highlighting uncategorized applications.</a:t>
            </a:r>
          </a:p>
          <a:p>
            <a:pPr algn="ctr"/>
            <a:endParaRPr lang="en-US" sz="1600" dirty="0"/>
          </a:p>
          <a:p>
            <a:pPr algn="ctr"/>
            <a:endParaRPr lang="en-US" sz="1800" dirty="0"/>
          </a:p>
        </p:txBody>
      </p:sp>
      <p:sp>
        <p:nvSpPr>
          <p:cNvPr id="13" name="Content Placeholder 12">
            <a:extLst>
              <a:ext uri="{FF2B5EF4-FFF2-40B4-BE49-F238E27FC236}">
                <a16:creationId xmlns:a16="http://schemas.microsoft.com/office/drawing/2014/main" id="{7915BC52-91FE-BEE7-B630-697FF950048A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617490" y="1993392"/>
            <a:ext cx="3266906" cy="5234722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Number of Terms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endParaRPr lang="en-US" sz="160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The chart shows that the number of terms is multimodal, with several peaks. 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The range of values is from 0 to 175. The mean and median are both around 90, suggesting a relatively symmetric distribution. </a:t>
            </a:r>
          </a:p>
        </p:txBody>
      </p:sp>
      <p:sp>
        <p:nvSpPr>
          <p:cNvPr id="14" name="Content Placeholder 13">
            <a:extLst>
              <a:ext uri="{FF2B5EF4-FFF2-40B4-BE49-F238E27FC236}">
                <a16:creationId xmlns:a16="http://schemas.microsoft.com/office/drawing/2014/main" id="{A60B0002-B6FD-B054-DA1A-C6418672652F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11004234" y="1993392"/>
            <a:ext cx="3312300" cy="5234722"/>
          </a:xfrm>
        </p:spPr>
        <p:txBody>
          <a:bodyPr/>
          <a:lstStyle/>
          <a:p>
            <a:pPr algn="ctr"/>
            <a:r>
              <a:rPr lang="en-US" sz="2400" dirty="0">
                <a:solidFill>
                  <a:schemeClr val="accent1"/>
                </a:solidFill>
              </a:rPr>
              <a:t>Requested Amount</a:t>
            </a: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algn="ctr"/>
            <a:endParaRPr lang="en-US" sz="2400" dirty="0">
              <a:solidFill>
                <a:schemeClr val="accent1"/>
              </a:solidFill>
            </a:endParaRPr>
          </a:p>
          <a:p>
            <a:pPr marL="288925" indent="-285750">
              <a:buFont typeface="Arial" panose="020B0604020202020204" pitchFamily="34" charset="0"/>
              <a:buChar char="•"/>
            </a:pPr>
            <a:endParaRPr lang="en-US" sz="1600" dirty="0"/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Most loan applications (55.56%) fall within the "10k-100k" requested amount bin.</a:t>
            </a:r>
          </a:p>
          <a:p>
            <a:pPr marL="288925" indent="-285750">
              <a:buFont typeface="Arial" panose="020B0604020202020204" pitchFamily="34" charset="0"/>
              <a:buChar char="•"/>
            </a:pPr>
            <a:r>
              <a:rPr lang="en-US" sz="1400" dirty="0"/>
              <a:t> The remaining applications are distributed across "0-1k" (8.33%), "1k-10k" (22.22%), and "&gt;100k" (13.89%).</a:t>
            </a:r>
          </a:p>
          <a:p>
            <a:endParaRPr lang="en-US" sz="1600" dirty="0"/>
          </a:p>
        </p:txBody>
      </p:sp>
      <p:sp>
        <p:nvSpPr>
          <p:cNvPr id="19" name="Subtitle 18">
            <a:extLst>
              <a:ext uri="{FF2B5EF4-FFF2-40B4-BE49-F238E27FC236}">
                <a16:creationId xmlns:a16="http://schemas.microsoft.com/office/drawing/2014/main" id="{015B7624-497E-F9FA-4E0F-F9B38EDA48DA}"/>
              </a:ext>
            </a:extLst>
          </p:cNvPr>
          <p:cNvSpPr>
            <a:spLocks noGrp="1"/>
          </p:cNvSpPr>
          <p:nvPr>
            <p:ph type="subTitle" sz="quarter" idx="18"/>
          </p:nvPr>
        </p:nvSpPr>
        <p:spPr>
          <a:xfrm>
            <a:off x="694944" y="1406514"/>
            <a:ext cx="13249656" cy="348913"/>
          </a:xfrm>
        </p:spPr>
        <p:txBody>
          <a:bodyPr/>
          <a:lstStyle/>
          <a:p>
            <a:r>
              <a:rPr lang="en-US" sz="1800" dirty="0"/>
              <a:t>Univariate analysis reveals key trends in loan application data, including the most popular loan goals and requested amount ranges</a:t>
            </a:r>
            <a:endParaRPr lang="en-US" dirty="0"/>
          </a:p>
        </p:txBody>
      </p:sp>
      <p:sp>
        <p:nvSpPr>
          <p:cNvPr id="20" name="Title 5">
            <a:extLst>
              <a:ext uri="{FF2B5EF4-FFF2-40B4-BE49-F238E27FC236}">
                <a16:creationId xmlns:a16="http://schemas.microsoft.com/office/drawing/2014/main" id="{AADAA6C2-D63B-61D7-3F5D-579066D5E39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94944" y="465689"/>
            <a:ext cx="13249656" cy="722376"/>
          </a:xfrm>
        </p:spPr>
        <p:txBody>
          <a:bodyPr/>
          <a:lstStyle/>
          <a:p>
            <a:r>
              <a:rPr lang="en-US" sz="2800" dirty="0"/>
              <a:t>Distribution Of Loan Applications: Univariate Analysis</a:t>
            </a:r>
          </a:p>
        </p:txBody>
      </p:sp>
      <p:sp>
        <p:nvSpPr>
          <p:cNvPr id="26" name="Freeform 34">
            <a:extLst>
              <a:ext uri="{FF2B5EF4-FFF2-40B4-BE49-F238E27FC236}">
                <a16:creationId xmlns:a16="http://schemas.microsoft.com/office/drawing/2014/main" id="{D88342A9-ADC4-AAA0-A980-22519E3AFD0E}"/>
              </a:ext>
            </a:extLst>
          </p:cNvPr>
          <p:cNvSpPr>
            <a:spLocks noEditPoints="1"/>
          </p:cNvSpPr>
          <p:nvPr/>
        </p:nvSpPr>
        <p:spPr bwMode="auto">
          <a:xfrm>
            <a:off x="8522366" y="3267963"/>
            <a:ext cx="959804" cy="560228"/>
          </a:xfrm>
          <a:custGeom>
            <a:avLst/>
            <a:gdLst>
              <a:gd name="T0" fmla="*/ 97 w 481"/>
              <a:gd name="T1" fmla="*/ 231 h 296"/>
              <a:gd name="T2" fmla="*/ 385 w 481"/>
              <a:gd name="T3" fmla="*/ 231 h 296"/>
              <a:gd name="T4" fmla="*/ 389 w 481"/>
              <a:gd name="T5" fmla="*/ 227 h 296"/>
              <a:gd name="T6" fmla="*/ 389 w 481"/>
              <a:gd name="T7" fmla="*/ 35 h 296"/>
              <a:gd name="T8" fmla="*/ 385 w 481"/>
              <a:gd name="T9" fmla="*/ 31 h 296"/>
              <a:gd name="T10" fmla="*/ 97 w 481"/>
              <a:gd name="T11" fmla="*/ 31 h 296"/>
              <a:gd name="T12" fmla="*/ 92 w 481"/>
              <a:gd name="T13" fmla="*/ 35 h 296"/>
              <a:gd name="T14" fmla="*/ 92 w 481"/>
              <a:gd name="T15" fmla="*/ 227 h 296"/>
              <a:gd name="T16" fmla="*/ 97 w 481"/>
              <a:gd name="T17" fmla="*/ 231 h 296"/>
              <a:gd name="T18" fmla="*/ 102 w 481"/>
              <a:gd name="T19" fmla="*/ 40 h 296"/>
              <a:gd name="T20" fmla="*/ 380 w 481"/>
              <a:gd name="T21" fmla="*/ 40 h 296"/>
              <a:gd name="T22" fmla="*/ 380 w 481"/>
              <a:gd name="T23" fmla="*/ 222 h 296"/>
              <a:gd name="T24" fmla="*/ 102 w 481"/>
              <a:gd name="T25" fmla="*/ 222 h 296"/>
              <a:gd name="T26" fmla="*/ 102 w 481"/>
              <a:gd name="T27" fmla="*/ 40 h 296"/>
              <a:gd name="T28" fmla="*/ 459 w 481"/>
              <a:gd name="T29" fmla="*/ 252 h 296"/>
              <a:gd name="T30" fmla="*/ 414 w 481"/>
              <a:gd name="T31" fmla="*/ 252 h 296"/>
              <a:gd name="T32" fmla="*/ 422 w 481"/>
              <a:gd name="T33" fmla="*/ 231 h 296"/>
              <a:gd name="T34" fmla="*/ 422 w 481"/>
              <a:gd name="T35" fmla="*/ 31 h 296"/>
              <a:gd name="T36" fmla="*/ 392 w 481"/>
              <a:gd name="T37" fmla="*/ 0 h 296"/>
              <a:gd name="T38" fmla="*/ 90 w 481"/>
              <a:gd name="T39" fmla="*/ 0 h 296"/>
              <a:gd name="T40" fmla="*/ 59 w 481"/>
              <a:gd name="T41" fmla="*/ 31 h 296"/>
              <a:gd name="T42" fmla="*/ 59 w 481"/>
              <a:gd name="T43" fmla="*/ 231 h 296"/>
              <a:gd name="T44" fmla="*/ 68 w 481"/>
              <a:gd name="T45" fmla="*/ 252 h 296"/>
              <a:gd name="T46" fmla="*/ 22 w 481"/>
              <a:gd name="T47" fmla="*/ 252 h 296"/>
              <a:gd name="T48" fmla="*/ 0 w 481"/>
              <a:gd name="T49" fmla="*/ 274 h 296"/>
              <a:gd name="T50" fmla="*/ 22 w 481"/>
              <a:gd name="T51" fmla="*/ 296 h 296"/>
              <a:gd name="T52" fmla="*/ 459 w 481"/>
              <a:gd name="T53" fmla="*/ 296 h 296"/>
              <a:gd name="T54" fmla="*/ 481 w 481"/>
              <a:gd name="T55" fmla="*/ 274 h 296"/>
              <a:gd name="T56" fmla="*/ 459 w 481"/>
              <a:gd name="T57" fmla="*/ 252 h 296"/>
              <a:gd name="T58" fmla="*/ 68 w 481"/>
              <a:gd name="T59" fmla="*/ 31 h 296"/>
              <a:gd name="T60" fmla="*/ 90 w 481"/>
              <a:gd name="T61" fmla="*/ 10 h 296"/>
              <a:gd name="T62" fmla="*/ 392 w 481"/>
              <a:gd name="T63" fmla="*/ 10 h 296"/>
              <a:gd name="T64" fmla="*/ 413 w 481"/>
              <a:gd name="T65" fmla="*/ 31 h 296"/>
              <a:gd name="T66" fmla="*/ 413 w 481"/>
              <a:gd name="T67" fmla="*/ 231 h 296"/>
              <a:gd name="T68" fmla="*/ 392 w 481"/>
              <a:gd name="T69" fmla="*/ 252 h 296"/>
              <a:gd name="T70" fmla="*/ 90 w 481"/>
              <a:gd name="T71" fmla="*/ 252 h 296"/>
              <a:gd name="T72" fmla="*/ 68 w 481"/>
              <a:gd name="T73" fmla="*/ 231 h 296"/>
              <a:gd name="T74" fmla="*/ 68 w 481"/>
              <a:gd name="T75" fmla="*/ 31 h 296"/>
              <a:gd name="T76" fmla="*/ 459 w 481"/>
              <a:gd name="T77" fmla="*/ 286 h 296"/>
              <a:gd name="T78" fmla="*/ 22 w 481"/>
              <a:gd name="T79" fmla="*/ 286 h 296"/>
              <a:gd name="T80" fmla="*/ 10 w 481"/>
              <a:gd name="T81" fmla="*/ 274 h 296"/>
              <a:gd name="T82" fmla="*/ 22 w 481"/>
              <a:gd name="T83" fmla="*/ 262 h 296"/>
              <a:gd name="T84" fmla="*/ 459 w 481"/>
              <a:gd name="T85" fmla="*/ 262 h 296"/>
              <a:gd name="T86" fmla="*/ 472 w 481"/>
              <a:gd name="T87" fmla="*/ 274 h 296"/>
              <a:gd name="T88" fmla="*/ 459 w 481"/>
              <a:gd name="T89" fmla="*/ 286 h 29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</a:cxnLst>
            <a:rect l="0" t="0" r="r" b="b"/>
            <a:pathLst>
              <a:path w="481" h="296">
                <a:moveTo>
                  <a:pt x="97" y="231"/>
                </a:moveTo>
                <a:cubicBezTo>
                  <a:pt x="385" y="231"/>
                  <a:pt x="385" y="231"/>
                  <a:pt x="385" y="231"/>
                </a:cubicBezTo>
                <a:cubicBezTo>
                  <a:pt x="387" y="231"/>
                  <a:pt x="389" y="229"/>
                  <a:pt x="389" y="227"/>
                </a:cubicBezTo>
                <a:cubicBezTo>
                  <a:pt x="389" y="35"/>
                  <a:pt x="389" y="35"/>
                  <a:pt x="389" y="35"/>
                </a:cubicBezTo>
                <a:cubicBezTo>
                  <a:pt x="389" y="33"/>
                  <a:pt x="387" y="31"/>
                  <a:pt x="385" y="31"/>
                </a:cubicBezTo>
                <a:cubicBezTo>
                  <a:pt x="97" y="31"/>
                  <a:pt x="97" y="31"/>
                  <a:pt x="97" y="31"/>
                </a:cubicBezTo>
                <a:cubicBezTo>
                  <a:pt x="94" y="31"/>
                  <a:pt x="92" y="33"/>
                  <a:pt x="92" y="35"/>
                </a:cubicBezTo>
                <a:cubicBezTo>
                  <a:pt x="92" y="227"/>
                  <a:pt x="92" y="227"/>
                  <a:pt x="92" y="227"/>
                </a:cubicBezTo>
                <a:cubicBezTo>
                  <a:pt x="92" y="229"/>
                  <a:pt x="94" y="231"/>
                  <a:pt x="97" y="231"/>
                </a:cubicBezTo>
                <a:close/>
                <a:moveTo>
                  <a:pt x="102" y="40"/>
                </a:moveTo>
                <a:cubicBezTo>
                  <a:pt x="380" y="40"/>
                  <a:pt x="380" y="40"/>
                  <a:pt x="380" y="40"/>
                </a:cubicBezTo>
                <a:cubicBezTo>
                  <a:pt x="380" y="222"/>
                  <a:pt x="380" y="222"/>
                  <a:pt x="380" y="222"/>
                </a:cubicBezTo>
                <a:cubicBezTo>
                  <a:pt x="102" y="222"/>
                  <a:pt x="102" y="222"/>
                  <a:pt x="102" y="222"/>
                </a:cubicBezTo>
                <a:lnTo>
                  <a:pt x="102" y="40"/>
                </a:lnTo>
                <a:close/>
                <a:moveTo>
                  <a:pt x="459" y="252"/>
                </a:moveTo>
                <a:cubicBezTo>
                  <a:pt x="414" y="252"/>
                  <a:pt x="414" y="252"/>
                  <a:pt x="414" y="252"/>
                </a:cubicBezTo>
                <a:cubicBezTo>
                  <a:pt x="419" y="247"/>
                  <a:pt x="422" y="239"/>
                  <a:pt x="422" y="231"/>
                </a:cubicBezTo>
                <a:cubicBezTo>
                  <a:pt x="422" y="31"/>
                  <a:pt x="422" y="31"/>
                  <a:pt x="422" y="31"/>
                </a:cubicBezTo>
                <a:cubicBezTo>
                  <a:pt x="422" y="14"/>
                  <a:pt x="409" y="0"/>
                  <a:pt x="392" y="0"/>
                </a:cubicBezTo>
                <a:cubicBezTo>
                  <a:pt x="90" y="0"/>
                  <a:pt x="90" y="0"/>
                  <a:pt x="90" y="0"/>
                </a:cubicBezTo>
                <a:cubicBezTo>
                  <a:pt x="73" y="0"/>
                  <a:pt x="59" y="14"/>
                  <a:pt x="59" y="31"/>
                </a:cubicBezTo>
                <a:cubicBezTo>
                  <a:pt x="59" y="231"/>
                  <a:pt x="59" y="231"/>
                  <a:pt x="59" y="231"/>
                </a:cubicBezTo>
                <a:cubicBezTo>
                  <a:pt x="59" y="239"/>
                  <a:pt x="62" y="247"/>
                  <a:pt x="68" y="252"/>
                </a:cubicBezTo>
                <a:cubicBezTo>
                  <a:pt x="22" y="252"/>
                  <a:pt x="22" y="252"/>
                  <a:pt x="22" y="252"/>
                </a:cubicBezTo>
                <a:cubicBezTo>
                  <a:pt x="10" y="252"/>
                  <a:pt x="0" y="262"/>
                  <a:pt x="0" y="274"/>
                </a:cubicBezTo>
                <a:cubicBezTo>
                  <a:pt x="0" y="286"/>
                  <a:pt x="10" y="296"/>
                  <a:pt x="22" y="296"/>
                </a:cubicBezTo>
                <a:cubicBezTo>
                  <a:pt x="459" y="296"/>
                  <a:pt x="459" y="296"/>
                  <a:pt x="459" y="296"/>
                </a:cubicBezTo>
                <a:cubicBezTo>
                  <a:pt x="471" y="296"/>
                  <a:pt x="481" y="286"/>
                  <a:pt x="481" y="274"/>
                </a:cubicBezTo>
                <a:cubicBezTo>
                  <a:pt x="481" y="262"/>
                  <a:pt x="471" y="252"/>
                  <a:pt x="459" y="252"/>
                </a:cubicBezTo>
                <a:close/>
                <a:moveTo>
                  <a:pt x="68" y="31"/>
                </a:moveTo>
                <a:cubicBezTo>
                  <a:pt x="68" y="19"/>
                  <a:pt x="78" y="10"/>
                  <a:pt x="90" y="10"/>
                </a:cubicBezTo>
                <a:cubicBezTo>
                  <a:pt x="392" y="10"/>
                  <a:pt x="392" y="10"/>
                  <a:pt x="392" y="10"/>
                </a:cubicBezTo>
                <a:cubicBezTo>
                  <a:pt x="404" y="10"/>
                  <a:pt x="413" y="19"/>
                  <a:pt x="413" y="31"/>
                </a:cubicBezTo>
                <a:cubicBezTo>
                  <a:pt x="413" y="231"/>
                  <a:pt x="413" y="231"/>
                  <a:pt x="413" y="231"/>
                </a:cubicBezTo>
                <a:cubicBezTo>
                  <a:pt x="413" y="243"/>
                  <a:pt x="404" y="252"/>
                  <a:pt x="392" y="252"/>
                </a:cubicBezTo>
                <a:cubicBezTo>
                  <a:pt x="90" y="252"/>
                  <a:pt x="90" y="252"/>
                  <a:pt x="90" y="252"/>
                </a:cubicBezTo>
                <a:cubicBezTo>
                  <a:pt x="78" y="252"/>
                  <a:pt x="68" y="243"/>
                  <a:pt x="68" y="231"/>
                </a:cubicBezTo>
                <a:lnTo>
                  <a:pt x="68" y="31"/>
                </a:lnTo>
                <a:close/>
                <a:moveTo>
                  <a:pt x="459" y="286"/>
                </a:moveTo>
                <a:cubicBezTo>
                  <a:pt x="22" y="286"/>
                  <a:pt x="22" y="286"/>
                  <a:pt x="22" y="286"/>
                </a:cubicBezTo>
                <a:cubicBezTo>
                  <a:pt x="15" y="286"/>
                  <a:pt x="10" y="281"/>
                  <a:pt x="10" y="274"/>
                </a:cubicBezTo>
                <a:cubicBezTo>
                  <a:pt x="10" y="267"/>
                  <a:pt x="15" y="262"/>
                  <a:pt x="22" y="262"/>
                </a:cubicBezTo>
                <a:cubicBezTo>
                  <a:pt x="459" y="262"/>
                  <a:pt x="459" y="262"/>
                  <a:pt x="459" y="262"/>
                </a:cubicBezTo>
                <a:cubicBezTo>
                  <a:pt x="466" y="262"/>
                  <a:pt x="472" y="267"/>
                  <a:pt x="472" y="274"/>
                </a:cubicBezTo>
                <a:cubicBezTo>
                  <a:pt x="472" y="281"/>
                  <a:pt x="466" y="286"/>
                  <a:pt x="459" y="286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sp>
        <p:nvSpPr>
          <p:cNvPr id="28" name="Freeform 93">
            <a:extLst>
              <a:ext uri="{FF2B5EF4-FFF2-40B4-BE49-F238E27FC236}">
                <a16:creationId xmlns:a16="http://schemas.microsoft.com/office/drawing/2014/main" id="{9BE4CD7D-3381-BE32-77D3-5208825E4655}"/>
              </a:ext>
            </a:extLst>
          </p:cNvPr>
          <p:cNvSpPr>
            <a:spLocks noEditPoints="1"/>
          </p:cNvSpPr>
          <p:nvPr/>
        </p:nvSpPr>
        <p:spPr bwMode="auto">
          <a:xfrm>
            <a:off x="12052159" y="3123760"/>
            <a:ext cx="650625" cy="818425"/>
          </a:xfrm>
          <a:custGeom>
            <a:avLst/>
            <a:gdLst>
              <a:gd name="T0" fmla="*/ 486 w 486"/>
              <a:gd name="T1" fmla="*/ 163 h 630"/>
              <a:gd name="T2" fmla="*/ 485 w 486"/>
              <a:gd name="T3" fmla="*/ 161 h 630"/>
              <a:gd name="T4" fmla="*/ 484 w 486"/>
              <a:gd name="T5" fmla="*/ 160 h 630"/>
              <a:gd name="T6" fmla="*/ 326 w 486"/>
              <a:gd name="T7" fmla="*/ 2 h 630"/>
              <a:gd name="T8" fmla="*/ 325 w 486"/>
              <a:gd name="T9" fmla="*/ 1 h 630"/>
              <a:gd name="T10" fmla="*/ 323 w 486"/>
              <a:gd name="T11" fmla="*/ 1 h 630"/>
              <a:gd name="T12" fmla="*/ 122 w 486"/>
              <a:gd name="T13" fmla="*/ 0 h 630"/>
              <a:gd name="T14" fmla="*/ 115 w 486"/>
              <a:gd name="T15" fmla="*/ 137 h 630"/>
              <a:gd name="T16" fmla="*/ 0 w 486"/>
              <a:gd name="T17" fmla="*/ 144 h 630"/>
              <a:gd name="T18" fmla="*/ 7 w 486"/>
              <a:gd name="T19" fmla="*/ 630 h 630"/>
              <a:gd name="T20" fmla="*/ 372 w 486"/>
              <a:gd name="T21" fmla="*/ 623 h 630"/>
              <a:gd name="T22" fmla="*/ 479 w 486"/>
              <a:gd name="T23" fmla="*/ 493 h 630"/>
              <a:gd name="T24" fmla="*/ 486 w 486"/>
              <a:gd name="T25" fmla="*/ 165 h 630"/>
              <a:gd name="T26" fmla="*/ 329 w 486"/>
              <a:gd name="T27" fmla="*/ 24 h 630"/>
              <a:gd name="T28" fmla="*/ 329 w 486"/>
              <a:gd name="T29" fmla="*/ 158 h 630"/>
              <a:gd name="T30" fmla="*/ 358 w 486"/>
              <a:gd name="T31" fmla="*/ 616 h 630"/>
              <a:gd name="T32" fmla="*/ 14 w 486"/>
              <a:gd name="T33" fmla="*/ 151 h 630"/>
              <a:gd name="T34" fmla="*/ 200 w 486"/>
              <a:gd name="T35" fmla="*/ 302 h 630"/>
              <a:gd name="T36" fmla="*/ 358 w 486"/>
              <a:gd name="T37" fmla="*/ 309 h 630"/>
              <a:gd name="T38" fmla="*/ 348 w 486"/>
              <a:gd name="T39" fmla="*/ 295 h 630"/>
              <a:gd name="T40" fmla="*/ 214 w 486"/>
              <a:gd name="T41" fmla="*/ 161 h 630"/>
              <a:gd name="T42" fmla="*/ 372 w 486"/>
              <a:gd name="T43" fmla="*/ 479 h 630"/>
              <a:gd name="T44" fmla="*/ 372 w 486"/>
              <a:gd name="T45" fmla="*/ 301 h 630"/>
              <a:gd name="T46" fmla="*/ 371 w 486"/>
              <a:gd name="T47" fmla="*/ 299 h 630"/>
              <a:gd name="T48" fmla="*/ 371 w 486"/>
              <a:gd name="T49" fmla="*/ 298 h 630"/>
              <a:gd name="T50" fmla="*/ 212 w 486"/>
              <a:gd name="T51" fmla="*/ 139 h 630"/>
              <a:gd name="T52" fmla="*/ 211 w 486"/>
              <a:gd name="T53" fmla="*/ 138 h 630"/>
              <a:gd name="T54" fmla="*/ 210 w 486"/>
              <a:gd name="T55" fmla="*/ 138 h 630"/>
              <a:gd name="T56" fmla="*/ 207 w 486"/>
              <a:gd name="T57" fmla="*/ 137 h 630"/>
              <a:gd name="T58" fmla="*/ 129 w 486"/>
              <a:gd name="T59" fmla="*/ 14 h 630"/>
              <a:gd name="T60" fmla="*/ 315 w 486"/>
              <a:gd name="T61" fmla="*/ 165 h 630"/>
              <a:gd name="T62" fmla="*/ 472 w 486"/>
              <a:gd name="T63" fmla="*/ 172 h 630"/>
              <a:gd name="T64" fmla="*/ 372 w 486"/>
              <a:gd name="T65" fmla="*/ 479 h 63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</a:cxnLst>
            <a:rect l="0" t="0" r="r" b="b"/>
            <a:pathLst>
              <a:path w="486" h="630">
                <a:moveTo>
                  <a:pt x="486" y="164"/>
                </a:moveTo>
                <a:cubicBezTo>
                  <a:pt x="486" y="163"/>
                  <a:pt x="486" y="163"/>
                  <a:pt x="486" y="163"/>
                </a:cubicBezTo>
                <a:cubicBezTo>
                  <a:pt x="486" y="162"/>
                  <a:pt x="486" y="162"/>
                  <a:pt x="486" y="162"/>
                </a:cubicBezTo>
                <a:cubicBezTo>
                  <a:pt x="486" y="162"/>
                  <a:pt x="486" y="162"/>
                  <a:pt x="485" y="161"/>
                </a:cubicBezTo>
                <a:cubicBezTo>
                  <a:pt x="485" y="161"/>
                  <a:pt x="485" y="161"/>
                  <a:pt x="485" y="161"/>
                </a:cubicBezTo>
                <a:cubicBezTo>
                  <a:pt x="485" y="161"/>
                  <a:pt x="485" y="160"/>
                  <a:pt x="484" y="160"/>
                </a:cubicBezTo>
                <a:cubicBezTo>
                  <a:pt x="327" y="2"/>
                  <a:pt x="327" y="2"/>
                  <a:pt x="327" y="2"/>
                </a:cubicBezTo>
                <a:cubicBezTo>
                  <a:pt x="327" y="2"/>
                  <a:pt x="326" y="2"/>
                  <a:pt x="326" y="2"/>
                </a:cubicBezTo>
                <a:cubicBezTo>
                  <a:pt x="326" y="2"/>
                  <a:pt x="326" y="2"/>
                  <a:pt x="326" y="1"/>
                </a:cubicBezTo>
                <a:cubicBezTo>
                  <a:pt x="325" y="1"/>
                  <a:pt x="325" y="1"/>
                  <a:pt x="325" y="1"/>
                </a:cubicBezTo>
                <a:cubicBezTo>
                  <a:pt x="324" y="1"/>
                  <a:pt x="324" y="1"/>
                  <a:pt x="324" y="1"/>
                </a:cubicBezTo>
                <a:cubicBezTo>
                  <a:pt x="324" y="1"/>
                  <a:pt x="324" y="1"/>
                  <a:pt x="323" y="1"/>
                </a:cubicBezTo>
                <a:cubicBezTo>
                  <a:pt x="323" y="0"/>
                  <a:pt x="322" y="0"/>
                  <a:pt x="322" y="0"/>
                </a:cubicBezTo>
                <a:cubicBezTo>
                  <a:pt x="122" y="0"/>
                  <a:pt x="122" y="0"/>
                  <a:pt x="122" y="0"/>
                </a:cubicBezTo>
                <a:cubicBezTo>
                  <a:pt x="118" y="0"/>
                  <a:pt x="115" y="4"/>
                  <a:pt x="115" y="7"/>
                </a:cubicBezTo>
                <a:cubicBezTo>
                  <a:pt x="115" y="137"/>
                  <a:pt x="115" y="137"/>
                  <a:pt x="115" y="137"/>
                </a:cubicBezTo>
                <a:cubicBezTo>
                  <a:pt x="7" y="137"/>
                  <a:pt x="7" y="137"/>
                  <a:pt x="7" y="137"/>
                </a:cubicBezTo>
                <a:cubicBezTo>
                  <a:pt x="3" y="137"/>
                  <a:pt x="0" y="141"/>
                  <a:pt x="0" y="144"/>
                </a:cubicBezTo>
                <a:cubicBezTo>
                  <a:pt x="0" y="623"/>
                  <a:pt x="0" y="623"/>
                  <a:pt x="0" y="623"/>
                </a:cubicBezTo>
                <a:cubicBezTo>
                  <a:pt x="0" y="626"/>
                  <a:pt x="3" y="630"/>
                  <a:pt x="7" y="630"/>
                </a:cubicBezTo>
                <a:cubicBezTo>
                  <a:pt x="365" y="630"/>
                  <a:pt x="365" y="630"/>
                  <a:pt x="365" y="630"/>
                </a:cubicBezTo>
                <a:cubicBezTo>
                  <a:pt x="369" y="630"/>
                  <a:pt x="372" y="626"/>
                  <a:pt x="372" y="623"/>
                </a:cubicBezTo>
                <a:cubicBezTo>
                  <a:pt x="372" y="493"/>
                  <a:pt x="372" y="493"/>
                  <a:pt x="372" y="493"/>
                </a:cubicBezTo>
                <a:cubicBezTo>
                  <a:pt x="479" y="493"/>
                  <a:pt x="479" y="493"/>
                  <a:pt x="479" y="493"/>
                </a:cubicBezTo>
                <a:cubicBezTo>
                  <a:pt x="483" y="493"/>
                  <a:pt x="486" y="489"/>
                  <a:pt x="486" y="486"/>
                </a:cubicBezTo>
                <a:cubicBezTo>
                  <a:pt x="486" y="165"/>
                  <a:pt x="486" y="165"/>
                  <a:pt x="486" y="165"/>
                </a:cubicBezTo>
                <a:cubicBezTo>
                  <a:pt x="486" y="164"/>
                  <a:pt x="486" y="164"/>
                  <a:pt x="486" y="164"/>
                </a:cubicBezTo>
                <a:close/>
                <a:moveTo>
                  <a:pt x="329" y="24"/>
                </a:moveTo>
                <a:cubicBezTo>
                  <a:pt x="463" y="158"/>
                  <a:pt x="463" y="158"/>
                  <a:pt x="463" y="158"/>
                </a:cubicBezTo>
                <a:cubicBezTo>
                  <a:pt x="329" y="158"/>
                  <a:pt x="329" y="158"/>
                  <a:pt x="329" y="158"/>
                </a:cubicBezTo>
                <a:lnTo>
                  <a:pt x="329" y="24"/>
                </a:lnTo>
                <a:close/>
                <a:moveTo>
                  <a:pt x="358" y="616"/>
                </a:moveTo>
                <a:cubicBezTo>
                  <a:pt x="14" y="616"/>
                  <a:pt x="14" y="616"/>
                  <a:pt x="14" y="616"/>
                </a:cubicBezTo>
                <a:cubicBezTo>
                  <a:pt x="14" y="151"/>
                  <a:pt x="14" y="151"/>
                  <a:pt x="14" y="151"/>
                </a:cubicBezTo>
                <a:cubicBezTo>
                  <a:pt x="200" y="151"/>
                  <a:pt x="200" y="151"/>
                  <a:pt x="200" y="151"/>
                </a:cubicBezTo>
                <a:cubicBezTo>
                  <a:pt x="200" y="302"/>
                  <a:pt x="200" y="302"/>
                  <a:pt x="200" y="302"/>
                </a:cubicBezTo>
                <a:cubicBezTo>
                  <a:pt x="200" y="306"/>
                  <a:pt x="203" y="309"/>
                  <a:pt x="207" y="309"/>
                </a:cubicBezTo>
                <a:cubicBezTo>
                  <a:pt x="358" y="309"/>
                  <a:pt x="358" y="309"/>
                  <a:pt x="358" y="309"/>
                </a:cubicBezTo>
                <a:lnTo>
                  <a:pt x="358" y="616"/>
                </a:lnTo>
                <a:close/>
                <a:moveTo>
                  <a:pt x="348" y="295"/>
                </a:moveTo>
                <a:cubicBezTo>
                  <a:pt x="214" y="295"/>
                  <a:pt x="214" y="295"/>
                  <a:pt x="214" y="295"/>
                </a:cubicBezTo>
                <a:cubicBezTo>
                  <a:pt x="214" y="161"/>
                  <a:pt x="214" y="161"/>
                  <a:pt x="214" y="161"/>
                </a:cubicBezTo>
                <a:lnTo>
                  <a:pt x="348" y="295"/>
                </a:lnTo>
                <a:close/>
                <a:moveTo>
                  <a:pt x="372" y="479"/>
                </a:moveTo>
                <a:cubicBezTo>
                  <a:pt x="372" y="302"/>
                  <a:pt x="372" y="302"/>
                  <a:pt x="372" y="302"/>
                </a:cubicBezTo>
                <a:cubicBezTo>
                  <a:pt x="372" y="301"/>
                  <a:pt x="372" y="301"/>
                  <a:pt x="372" y="301"/>
                </a:cubicBezTo>
                <a:cubicBezTo>
                  <a:pt x="372" y="300"/>
                  <a:pt x="371" y="300"/>
                  <a:pt x="371" y="300"/>
                </a:cubicBezTo>
                <a:cubicBezTo>
                  <a:pt x="371" y="299"/>
                  <a:pt x="371" y="299"/>
                  <a:pt x="371" y="299"/>
                </a:cubicBezTo>
                <a:cubicBezTo>
                  <a:pt x="371" y="299"/>
                  <a:pt x="371" y="299"/>
                  <a:pt x="371" y="298"/>
                </a:cubicBezTo>
                <a:cubicBezTo>
                  <a:pt x="371" y="298"/>
                  <a:pt x="371" y="298"/>
                  <a:pt x="371" y="298"/>
                </a:cubicBezTo>
                <a:cubicBezTo>
                  <a:pt x="370" y="298"/>
                  <a:pt x="370" y="297"/>
                  <a:pt x="370" y="297"/>
                </a:cubicBezTo>
                <a:cubicBezTo>
                  <a:pt x="212" y="139"/>
                  <a:pt x="212" y="139"/>
                  <a:pt x="212" y="139"/>
                </a:cubicBezTo>
                <a:cubicBezTo>
                  <a:pt x="212" y="139"/>
                  <a:pt x="211" y="139"/>
                  <a:pt x="211" y="139"/>
                </a:cubicBezTo>
                <a:cubicBezTo>
                  <a:pt x="211" y="139"/>
                  <a:pt x="211" y="138"/>
                  <a:pt x="211" y="138"/>
                </a:cubicBezTo>
                <a:cubicBezTo>
                  <a:pt x="211" y="138"/>
                  <a:pt x="210" y="138"/>
                  <a:pt x="210" y="138"/>
                </a:cubicBezTo>
                <a:cubicBezTo>
                  <a:pt x="210" y="138"/>
                  <a:pt x="210" y="138"/>
                  <a:pt x="210" y="138"/>
                </a:cubicBezTo>
                <a:cubicBezTo>
                  <a:pt x="209" y="138"/>
                  <a:pt x="209" y="138"/>
                  <a:pt x="209" y="138"/>
                </a:cubicBezTo>
                <a:cubicBezTo>
                  <a:pt x="208" y="137"/>
                  <a:pt x="208" y="137"/>
                  <a:pt x="207" y="137"/>
                </a:cubicBezTo>
                <a:cubicBezTo>
                  <a:pt x="129" y="137"/>
                  <a:pt x="129" y="137"/>
                  <a:pt x="129" y="137"/>
                </a:cubicBezTo>
                <a:cubicBezTo>
                  <a:pt x="129" y="14"/>
                  <a:pt x="129" y="14"/>
                  <a:pt x="129" y="14"/>
                </a:cubicBezTo>
                <a:cubicBezTo>
                  <a:pt x="315" y="14"/>
                  <a:pt x="315" y="14"/>
                  <a:pt x="315" y="14"/>
                </a:cubicBezTo>
                <a:cubicBezTo>
                  <a:pt x="315" y="165"/>
                  <a:pt x="315" y="165"/>
                  <a:pt x="315" y="165"/>
                </a:cubicBezTo>
                <a:cubicBezTo>
                  <a:pt x="315" y="169"/>
                  <a:pt x="318" y="172"/>
                  <a:pt x="322" y="172"/>
                </a:cubicBezTo>
                <a:cubicBezTo>
                  <a:pt x="472" y="172"/>
                  <a:pt x="472" y="172"/>
                  <a:pt x="472" y="172"/>
                </a:cubicBezTo>
                <a:cubicBezTo>
                  <a:pt x="472" y="479"/>
                  <a:pt x="472" y="479"/>
                  <a:pt x="472" y="479"/>
                </a:cubicBezTo>
                <a:lnTo>
                  <a:pt x="372" y="479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mc:AlternateContent xmlns:mc="http://schemas.openxmlformats.org/markup-compatibility/2006" xmlns:pslz="http://schemas.microsoft.com/office/powerpoint/2016/slidezoom">
        <mc:Choice Requires="pslz">
          <p:graphicFrame>
            <p:nvGraphicFramePr>
              <p:cNvPr id="39" name="Slide Zoom 38">
                <a:extLst>
                  <a:ext uri="{FF2B5EF4-FFF2-40B4-BE49-F238E27FC236}">
                    <a16:creationId xmlns:a16="http://schemas.microsoft.com/office/drawing/2014/main" id="{148C0FB4-7868-AD33-A0DF-A96C50569D82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188819916"/>
                  </p:ext>
                </p:extLst>
              </p:nvPr>
            </p:nvGraphicFramePr>
            <p:xfrm>
              <a:off x="288812" y="2504272"/>
              <a:ext cx="3657600" cy="2057400"/>
            </p:xfrm>
            <a:graphic>
              <a:graphicData uri="http://schemas.microsoft.com/office/powerpoint/2016/slidezoom">
                <pslz:sldZm>
                  <pslz:sldZmObj sldId="294" cId="1070578394">
                    <pslz:zmPr id="{FEB1EB60-7367-4673-B420-E0A251806BD4}" returnToParent="0" transitionDur="1000">
                      <p166:blipFill xmlns:p166="http://schemas.microsoft.com/office/powerpoint/2016/6/main">
                        <a:blip r:embed="rId4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657600" cy="2057400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 xmlns="">
          <p:pic>
            <p:nvPicPr>
              <p:cNvPr id="39" name="Slide Zoom 38">
                <a:extLst>
                  <a:ext uri="{FF2B5EF4-FFF2-40B4-BE49-F238E27FC236}">
                    <a16:creationId xmlns:a16="http://schemas.microsoft.com/office/drawing/2014/main" id="{148C0FB4-7868-AD33-A0DF-A96C50569D82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5"/>
              <a:stretch>
                <a:fillRect/>
              </a:stretch>
            </p:blipFill>
            <p:spPr>
              <a:xfrm>
                <a:off x="288812" y="2504272"/>
                <a:ext cx="3657600" cy="2057400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 xmlns:pslz="http://schemas.microsoft.com/office/powerpoint/2016/slidezoom">
        <mc:Choice Requires="pslz">
          <p:graphicFrame>
            <p:nvGraphicFramePr>
              <p:cNvPr id="41" name="Slide Zoom 40">
                <a:extLst>
                  <a:ext uri="{FF2B5EF4-FFF2-40B4-BE49-F238E27FC236}">
                    <a16:creationId xmlns:a16="http://schemas.microsoft.com/office/drawing/2014/main" id="{856B43D0-15B3-E60F-6612-2C90D6414DB8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2525017900"/>
                  </p:ext>
                </p:extLst>
              </p:nvPr>
            </p:nvGraphicFramePr>
            <p:xfrm>
              <a:off x="4177638" y="2504272"/>
              <a:ext cx="3301238" cy="2057400"/>
            </p:xfrm>
            <a:graphic>
              <a:graphicData uri="http://schemas.microsoft.com/office/powerpoint/2016/slidezoom">
                <pslz:sldZm>
                  <pslz:sldZmObj sldId="295" cId="278174393">
                    <pslz:zmPr id="{5C0A4DA2-8913-403A-8DDE-5794E4F4429D}" returnToParent="0" transitionDur="1000">
                      <p166:blipFill xmlns:p166="http://schemas.microsoft.com/office/powerpoint/2016/6/main">
                        <a:blip r:embed="rId6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301238" cy="2057400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 xmlns="">
          <p:pic>
            <p:nvPicPr>
              <p:cNvPr id="41" name="Slide Zoom 40">
                <a:extLst>
                  <a:ext uri="{FF2B5EF4-FFF2-40B4-BE49-F238E27FC236}">
                    <a16:creationId xmlns:a16="http://schemas.microsoft.com/office/drawing/2014/main" id="{856B43D0-15B3-E60F-6612-2C90D6414DB8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7"/>
              <a:stretch>
                <a:fillRect/>
              </a:stretch>
            </p:blipFill>
            <p:spPr>
              <a:xfrm>
                <a:off x="4177638" y="2504272"/>
                <a:ext cx="3301238" cy="2057400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 xmlns:pslz="http://schemas.microsoft.com/office/powerpoint/2016/slidezoom">
        <mc:Choice Requires="pslz">
          <p:graphicFrame>
            <p:nvGraphicFramePr>
              <p:cNvPr id="43" name="Slide Zoom 42">
                <a:extLst>
                  <a:ext uri="{FF2B5EF4-FFF2-40B4-BE49-F238E27FC236}">
                    <a16:creationId xmlns:a16="http://schemas.microsoft.com/office/drawing/2014/main" id="{EF2DEF95-CE4A-B558-8E8D-7F5FE8EA04B4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3496496193"/>
                  </p:ext>
                </p:extLst>
              </p:nvPr>
            </p:nvGraphicFramePr>
            <p:xfrm>
              <a:off x="7647294" y="2504272"/>
              <a:ext cx="3312301" cy="2057400"/>
            </p:xfrm>
            <a:graphic>
              <a:graphicData uri="http://schemas.microsoft.com/office/powerpoint/2016/slidezoom">
                <pslz:sldZm>
                  <pslz:sldZmObj sldId="296" cId="4269543118">
                    <pslz:zmPr id="{37103DA5-D740-4156-8CC1-C72EFE20F181}" returnToParent="0" transitionDur="1000">
                      <p166:blipFill xmlns:p166="http://schemas.microsoft.com/office/powerpoint/2016/6/main">
                        <a:blip r:embed="rId8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312301" cy="2057400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 xmlns="">
          <p:pic>
            <p:nvPicPr>
              <p:cNvPr id="43" name="Slide Zoom 42">
                <a:extLst>
                  <a:ext uri="{FF2B5EF4-FFF2-40B4-BE49-F238E27FC236}">
                    <a16:creationId xmlns:a16="http://schemas.microsoft.com/office/drawing/2014/main" id="{EF2DEF95-CE4A-B558-8E8D-7F5FE8EA04B4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9"/>
              <a:stretch>
                <a:fillRect/>
              </a:stretch>
            </p:blipFill>
            <p:spPr>
              <a:xfrm>
                <a:off x="7647294" y="2504272"/>
                <a:ext cx="3312301" cy="2057400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  <mc:AlternateContent xmlns:mc="http://schemas.openxmlformats.org/markup-compatibility/2006" xmlns:pslz="http://schemas.microsoft.com/office/powerpoint/2016/slidezoom">
        <mc:Choice Requires="pslz">
          <p:graphicFrame>
            <p:nvGraphicFramePr>
              <p:cNvPr id="45" name="Slide Zoom 44">
                <a:extLst>
                  <a:ext uri="{FF2B5EF4-FFF2-40B4-BE49-F238E27FC236}">
                    <a16:creationId xmlns:a16="http://schemas.microsoft.com/office/drawing/2014/main" id="{B631C4F8-454B-81AE-2A98-66BB3AE268C6}"/>
                  </a:ext>
                </a:extLst>
              </p:cNvPr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3736395259"/>
                  </p:ext>
                </p:extLst>
              </p:nvPr>
            </p:nvGraphicFramePr>
            <p:xfrm>
              <a:off x="11145979" y="2482231"/>
              <a:ext cx="3312301" cy="2057400"/>
            </p:xfrm>
            <a:graphic>
              <a:graphicData uri="http://schemas.microsoft.com/office/powerpoint/2016/slidezoom">
                <pslz:sldZm>
                  <pslz:sldZmObj sldId="297" cId="4170825152">
                    <pslz:zmPr id="{8F8B5142-FA9D-496B-A8E8-B78EFB7F584D}" returnToParent="0" transitionDur="1000">
                      <p166:blipFill xmlns:p166="http://schemas.microsoft.com/office/powerpoint/2016/6/main">
                        <a:blip r:embed="rId10"/>
                        <a:stretch>
                          <a:fillRect/>
                        </a:stretch>
                      </p166:blipFill>
                      <p166:spPr xmlns:p166="http://schemas.microsoft.com/office/powerpoint/2016/6/main">
                        <a:xfrm>
                          <a:off x="0" y="0"/>
                          <a:ext cx="3312301" cy="2057400"/>
                        </a:xfrm>
                        <a:prstGeom prst="rect">
                          <a:avLst/>
                        </a:prstGeom>
                        <a:ln w="3175">
                          <a:solidFill>
                            <a:prstClr val="ltGray"/>
                          </a:solidFill>
                        </a:ln>
                      </p166:spPr>
                    </pslz:zmPr>
                  </pslz:sldZmObj>
                </pslz:sldZm>
              </a:graphicData>
            </a:graphic>
          </p:graphicFrame>
        </mc:Choice>
        <mc:Fallback xmlns="">
          <p:pic>
            <p:nvPicPr>
              <p:cNvPr id="45" name="Slide Zoom 44">
                <a:extLst>
                  <a:ext uri="{FF2B5EF4-FFF2-40B4-BE49-F238E27FC236}">
                    <a16:creationId xmlns:a16="http://schemas.microsoft.com/office/drawing/2014/main" id="{B631C4F8-454B-81AE-2A98-66BB3AE268C6}"/>
                  </a:ext>
                </a:extLst>
              </p:cNvPr>
              <p:cNvPicPr>
                <a:picLocks noGrp="1" noRot="1" noChangeAspect="1" noMove="1" noResize="1" noEditPoints="1" noAdjustHandles="1" noChangeArrowheads="1" noChangeShapeType="1"/>
              </p:cNvPicPr>
              <p:nvPr/>
            </p:nvPicPr>
            <p:blipFill>
              <a:blip r:embed="rId11"/>
              <a:stretch>
                <a:fillRect/>
              </a:stretch>
            </p:blipFill>
            <p:spPr>
              <a:xfrm>
                <a:off x="11145979" y="2482231"/>
                <a:ext cx="3312301" cy="2057400"/>
              </a:xfrm>
              <a:prstGeom prst="rect">
                <a:avLst/>
              </a:prstGeom>
              <a:ln w="3175">
                <a:solidFill>
                  <a:prstClr val="ltGray"/>
                </a:solidFill>
              </a:ln>
            </p:spPr>
          </p:pic>
        </mc:Fallback>
      </mc:AlternateContent>
    </p:spTree>
    <p:custDataLst>
      <p:tags r:id="rId1"/>
    </p:custDataLst>
    <p:extLst>
      <p:ext uri="{BB962C8B-B14F-4D97-AF65-F5344CB8AC3E}">
        <p14:creationId xmlns:p14="http://schemas.microsoft.com/office/powerpoint/2010/main" val="3585745592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1C6725C-B819-B476-361A-1F3B126B1CC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Title 5">
            <a:extLst>
              <a:ext uri="{FF2B5EF4-FFF2-40B4-BE49-F238E27FC236}">
                <a16:creationId xmlns:a16="http://schemas.microsoft.com/office/drawing/2014/main" id="{E066876D-27A0-DA4A-C6DF-74C966C1506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94944" y="484632"/>
            <a:ext cx="13249656" cy="722376"/>
          </a:xfrm>
        </p:spPr>
        <p:txBody>
          <a:bodyPr wrap="square" anchor="ctr">
            <a:normAutofit/>
          </a:bodyPr>
          <a:lstStyle/>
          <a:p>
            <a:r>
              <a:rPr lang="en-US" sz="2800" dirty="0"/>
              <a:t>Requested Amount Vs Offered Amount</a:t>
            </a:r>
          </a:p>
        </p:txBody>
      </p:sp>
      <p:pic>
        <p:nvPicPr>
          <p:cNvPr id="10" name="Picture 16" descr="A graph of a number of columns&#10;&#10;Description automatically generated with medium confidence">
            <a:extLst>
              <a:ext uri="{FF2B5EF4-FFF2-40B4-BE49-F238E27FC236}">
                <a16:creationId xmlns:a16="http://schemas.microsoft.com/office/drawing/2014/main" id="{823B83A2-0737-0A4C-47C5-79A845A13C06}"/>
              </a:ext>
            </a:extLst>
          </p:cNvPr>
          <p:cNvPicPr>
            <a:picLocks noGrp="1" noChangeAspect="1" noChangeArrowheads="1"/>
          </p:cNvPicPr>
          <p:nvPr>
            <p:ph idx="10"/>
          </p:nvPr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1450201" y="1902266"/>
            <a:ext cx="4824492" cy="3003007"/>
          </a:xfrm>
          <a:prstGeom prst="rect">
            <a:avLst/>
          </a:prstGeom>
          <a:solidFill>
            <a:srgbClr val="FFFFFF"/>
          </a:solidFill>
        </p:spPr>
      </p:pic>
      <p:sp>
        <p:nvSpPr>
          <p:cNvPr id="19" name="Subtitle 18">
            <a:extLst>
              <a:ext uri="{FF2B5EF4-FFF2-40B4-BE49-F238E27FC236}">
                <a16:creationId xmlns:a16="http://schemas.microsoft.com/office/drawing/2014/main" id="{DAA1E0C6-8B0A-78B5-D009-5081C737245F}"/>
              </a:ext>
            </a:extLst>
          </p:cNvPr>
          <p:cNvSpPr>
            <a:spLocks noGrp="1"/>
          </p:cNvSpPr>
          <p:nvPr>
            <p:ph type="subTitle" sz="quarter" idx="11"/>
          </p:nvPr>
        </p:nvSpPr>
        <p:spPr>
          <a:xfrm>
            <a:off x="694944" y="1408176"/>
            <a:ext cx="13249656" cy="384048"/>
          </a:xfrm>
        </p:spPr>
        <p:txBody>
          <a:bodyPr wrap="square" anchor="t">
            <a:normAutofit fontScale="92500" lnSpcReduction="20000"/>
          </a:bodyPr>
          <a:lstStyle/>
          <a:p>
            <a:r>
              <a:rPr lang="en-US" dirty="0"/>
              <a:t>The graphs explore the relationship between requested and offered loan amounts, examining distributions for amounts below and above 100k, and analyzing sequential changes in offers for larger amount loan requests</a:t>
            </a:r>
          </a:p>
          <a:p>
            <a:endParaRPr lang="en-US" dirty="0"/>
          </a:p>
        </p:txBody>
      </p:sp>
      <p:pic>
        <p:nvPicPr>
          <p:cNvPr id="12" name="Picture 2" descr="A graph of a graph showing the amount of money&#10;&#10;Description automatically generated with medium confidence">
            <a:extLst>
              <a:ext uri="{FF2B5EF4-FFF2-40B4-BE49-F238E27FC236}">
                <a16:creationId xmlns:a16="http://schemas.microsoft.com/office/drawing/2014/main" id="{1DBB37CE-21CE-9DAA-4F5E-3BAE9B019C33}"/>
              </a:ext>
            </a:extLst>
          </p:cNvPr>
          <p:cNvPicPr>
            <a:picLocks noGrp="1" noChangeAspect="1" noChangeArrowheads="1"/>
          </p:cNvPicPr>
          <p:nvPr>
            <p:ph sz="quarter" idx="4294967295"/>
          </p:nvPr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1545549" y="5037981"/>
            <a:ext cx="4729144" cy="3062121"/>
          </a:xfrm>
          <a:prstGeom prst="rect">
            <a:avLst/>
          </a:prstGeom>
          <a:solidFill>
            <a:srgbClr val="FFFFFF"/>
          </a:solidFill>
        </p:spPr>
      </p:pic>
      <p:pic>
        <p:nvPicPr>
          <p:cNvPr id="8210" name="Picture 18">
            <a:extLst>
              <a:ext uri="{FF2B5EF4-FFF2-40B4-BE49-F238E27FC236}">
                <a16:creationId xmlns:a16="http://schemas.microsoft.com/office/drawing/2014/main" id="{CDDDAEF8-3664-1834-E8AD-81573BE7E8D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017490" y="2688938"/>
            <a:ext cx="6714196" cy="350548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96416039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SLIDEMASTERBRANDLOGORIGHT" val="1097.28"/>
  <p:tag name="SLIDEMASTERBRANDLOGOBOTTOM" val="609.84"/>
  <p:tag name="SLIDEMASTERBRANDLOGOHEIGHT" val="23.76"/>
  <p:tag name="SLIDEMASTERBRANDLOGOWIDTH" val="149.76"/>
  <p:tag name="ISUNDOENTRY" val=""/>
  <p:tag name="ISROOTUNDO" val=""/>
  <p:tag name="SKIPCONVERSIONCHECK" val="true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"/>
  <p:tag name="PITCHPROSLIDECOUNT" val="1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66998ae4-c72a-4910-830f-a194e805f562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8"/>
  <p:tag name="PRESENTATIONID" val="66998ae4-c72a-4910-830f-a194e805f562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66998ae4-c72a-4910-830f-a194e805f562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66998ae4-c72a-4910-830f-a194e805f562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66998ae4-c72a-4910-830f-a194e805f56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5"/>
  <p:tag name="PRESENTATIONID" val="66998ae4-c72a-4910-830f-a194e805f562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5"/>
  <p:tag name="PRESENTATIONID" val="66998ae4-c72a-4910-830f-a194e805f562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5"/>
  <p:tag name="PRESENTATIONID" val="66998ae4-c72a-4910-830f-a194e805f56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5"/>
  <p:tag name="PRESENTATIONID" val="66998ae4-c72a-4910-830f-a194e805f56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5"/>
  <p:tag name="PRESENTATIONID" val="66998ae4-c72a-4910-830f-a194e805f562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5"/>
  <p:tag name="PRESENTATIONID" val="66998ae4-c72a-4910-830f-a194e805f562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66998ae4-c72a-4910-830f-a194e805f562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5"/>
  <p:tag name="PRESENTATIONID" val="66998ae4-c72a-4910-830f-a194e805f562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66998ae4-c72a-4910-830f-a194e805f562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5"/>
  <p:tag name="PRESENTATIONID" val="66998ae4-c72a-4910-830f-a194e805f562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66998ae4-c72a-4910-830f-a194e805f562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8"/>
  <p:tag name="PRESENTATIONID" val="66998ae4-c72a-4910-830f-a194e805f562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9"/>
  <p:tag name="PRESENTATIONID" val="66998ae4-c72a-4910-830f-a194e805f562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7"/>
  <p:tag name="PRESENTATIONID" val="66998ae4-c72a-4910-830f-a194e805f562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69"/>
  <p:tag name="PRESENTATIONID" val="66998ae4-c72a-4910-830f-a194e805f562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Widescreen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cb4997ae-3b18-411f-bcf7-f1ad5b3259da.potx" id="{205D6587-0B03-4059-BA7D-8505E7700609}" vid="{FD09AA67-3802-45A4-B006-1DE72A73D904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?mso-contentType ?>
<spe:Receivers xmlns:spe="http://schemas.microsoft.com/sharepoint/events">
  <Receiver>
    <Name/>
    <Synchronization>Synchronous</Synchronization>
    <Type>1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10001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10002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3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10009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2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11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10003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  <Receiver>
    <Name/>
    <Synchronization>Synchronous</Synchronization>
    <Type>9</Type>
    <SequenceNumber>10000</SequenceNumber>
    <Url/>
    <Assembly>Jpmc.Sps.RecordsManagement, Version=1.0.0.0, Culture=neutral, PublicKeyToken=e8ead3752bfbf1f9</Assembly>
    <Class>Jpmc.Sps.RecordsManagement.EventReceivers.RecordContentTypeEventReceiver</Class>
    <Data/>
    <Filter/>
  </Receiver>
</spe:Receiver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JPMC Record" ma:contentTypeID="0x010100B04218B855DC944F9A559450E98DF04000317D809B83BE644EAD5526593C665108" ma:contentTypeVersion="31" ma:contentTypeDescription="Create a new record in this library." ma:contentTypeScope="" ma:versionID="752c062eb46aa0087d6ec522779f9eed">
  <xsd:schema xmlns:xsd="http://www.w3.org/2001/XMLSchema" xmlns:xs="http://www.w3.org/2001/XMLSchema" xmlns:p="http://schemas.microsoft.com/office/2006/metadata/properties" xmlns:ns2="e866b0dc-26f4-4c7c-849f-80ab9d82399c" targetNamespace="http://schemas.microsoft.com/office/2006/metadata/properties" ma:root="true" ma:fieldsID="7ce0083acf7428bf39a8e1bfd29665f3" ns2:_="">
    <xsd:import namespace="e866b0dc-26f4-4c7c-849f-80ab9d82399c"/>
    <xsd:element name="properties">
      <xsd:complexType>
        <xsd:sequence>
          <xsd:element name="documentManagement">
            <xsd:complexType>
              <xsd:all>
                <xsd:element ref="ns2:Record_x0020_ID" minOccurs="0"/>
                <xsd:element ref="ns2:Record_x0020_Status" minOccurs="0"/>
                <xsd:element ref="ns2:Record_x0020_Class_x0020_Code" minOccurs="0"/>
                <xsd:element ref="ns2:Record_x0020_Class_x0020_Code_x0020_Country" minOccurs="0"/>
                <xsd:element ref="ns2:Record_x0020_Class_x0020_Code_x0020_Local" minOccurs="0"/>
                <xsd:element ref="ns2:Record_x0020_Owner" minOccurs="0"/>
                <xsd:element ref="ns2:Record_x0020_Finalized_x0020_By" minOccurs="0"/>
                <xsd:element ref="ns2:Record_x0020_Finalized_x0020_On" minOccurs="0"/>
                <xsd:element ref="ns2:Record_x0020_Retention_x0020_Type" minOccurs="0"/>
                <xsd:element ref="ns2:Record_x0020_Retention_x0020_Start_x0020_Date" minOccurs="0"/>
                <xsd:element ref="ns2:Record_x0020_Retention_x0020_End_x0020_Date" minOccurs="0"/>
                <xsd:element ref="ns2:Record_x0020_Legal_x0020_Hold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e866b0dc-26f4-4c7c-849f-80ab9d82399c" elementFormDefault="qualified">
    <xsd:import namespace="http://schemas.microsoft.com/office/2006/documentManagement/types"/>
    <xsd:import namespace="http://schemas.microsoft.com/office/infopath/2007/PartnerControls"/>
    <xsd:element name="Record_x0020_ID" ma:index="8" nillable="true" ma:displayName="Record ID" ma:description="Record ID" ma:internalName="Record_x0020_ID" ma:readOnly="true">
      <xsd:simpleType>
        <xsd:restriction base="dms:Unknown"/>
      </xsd:simpleType>
    </xsd:element>
    <xsd:element name="Record_x0020_Status" ma:index="9" nillable="true" ma:displayName="Record Status" ma:description="Record Status" ma:internalName="Record_x0020_Status" ma:readOnly="true">
      <xsd:simpleType>
        <xsd:restriction base="dms:Text"/>
      </xsd:simpleType>
    </xsd:element>
    <xsd:element name="Record_x0020_Class_x0020_Code" ma:index="10" nillable="true" ma:displayName="Record Class Code" ma:description="Record Class Code" ma:internalName="Record_x0020_Class_x0020_Code" ma:readOnly="true">
      <xsd:simpleType>
        <xsd:restriction base="dms:Text"/>
      </xsd:simpleType>
    </xsd:element>
    <xsd:element name="Record_x0020_Class_x0020_Code_x0020_Country" ma:index="11" nillable="true" ma:displayName="Record Class Code Country" ma:description="Record Class Code Country" ma:internalName="Record_x0020_Class_x0020_Code_x0020_Country" ma:readOnly="true">
      <xsd:simpleType>
        <xsd:restriction base="dms:Text"/>
      </xsd:simpleType>
    </xsd:element>
    <xsd:element name="Record_x0020_Class_x0020_Code_x0020_Local" ma:index="12" nillable="true" ma:displayName="Record Class Code Local" ma:description="Record Class Code Local" ma:internalName="Record_x0020_Class_x0020_Code_x0020_Local" ma:readOnly="true">
      <xsd:simpleType>
        <xsd:restriction base="dms:Text"/>
      </xsd:simpleType>
    </xsd:element>
    <xsd:element name="Record_x0020_Owner" ma:index="13" nillable="true" ma:displayName="Record Owner" ma:description="Record Owner" ma:list="UserInfo" ma:internalName="Record_x0020_Owner" ma:readOnly="true">
      <xsd:complexType>
        <xsd:complexContent>
          <xsd:extension base="dms:User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Record_x0020_Finalized_x0020_By" ma:index="14" nillable="true" ma:displayName="Record Finalized By" ma:description="Record Finalized By" ma:list="UserInfo" ma:internalName="Record_x0020_Finalized_x0020_By" ma:readOnly="true">
      <xsd:complexType>
        <xsd:complexContent>
          <xsd:extension base="dms:User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Record_x0020_Finalized_x0020_On" ma:index="15" nillable="true" ma:displayName="Record Finalized On" ma:description="Record Finalized On" ma:format="DateOnly" ma:internalName="Record_x0020_Finalized_x0020_On" ma:readOnly="true">
      <xsd:simpleType>
        <xsd:restriction base="dms:DateTime"/>
      </xsd:simpleType>
    </xsd:element>
    <xsd:element name="Record_x0020_Retention_x0020_Type" ma:index="16" nillable="true" ma:displayName="Record Retention Type" ma:description="Record Retention Type" ma:internalName="Record_x0020_Retention_x0020_Type" ma:readOnly="true">
      <xsd:simpleType>
        <xsd:restriction base="dms:Text"/>
      </xsd:simpleType>
    </xsd:element>
    <xsd:element name="Record_x0020_Retention_x0020_Start_x0020_Date" ma:index="17" nillable="true" ma:displayName="Record Retention Start Date" ma:description="Record Retention Start Date" ma:format="DateOnly" ma:internalName="Record_x0020_Retention_x0020_Start_x0020_Date" ma:readOnly="true">
      <xsd:simpleType>
        <xsd:restriction base="dms:DateTime"/>
      </xsd:simpleType>
    </xsd:element>
    <xsd:element name="Record_x0020_Retention_x0020_End_x0020_Date" ma:index="18" nillable="true" ma:displayName="Record Retention End Date" ma:description="Record Retention End Date" ma:format="DateOnly" ma:internalName="Record_x0020_Retention_x0020_End_x0020_Date" ma:readOnly="true">
      <xsd:simpleType>
        <xsd:restriction base="dms:DateTime"/>
      </xsd:simpleType>
    </xsd:element>
    <xsd:element name="Record_x0020_Legal_x0020_Hold" ma:index="19" nillable="true" ma:displayName="Record Legal Hold" ma:description="Record Legal Hold" ma:internalName="Record_x0020_Legal_x0020_Hold" ma:readOnly="true">
      <xsd:simpleType>
        <xsd:restriction base="dms:Boolean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4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Record_x0020_Owner xmlns="e866b0dc-26f4-4c7c-849f-80ab9d82399c">
      <UserInfo>
        <DisplayName>Gomez, Anna X</DisplayName>
        <AccountId>43</AccountId>
        <AccountType/>
      </UserInfo>
    </Record_x0020_Owner>
    <Record_x0020_Class_x0020_Code xmlns="e866b0dc-26f4-4c7c-849f-80ab9d82399c">US: BIZ010Y</Record_x0020_Class_x0020_Code>
    <Record_x0020_Status xmlns="e866b0dc-26f4-4c7c-849f-80ab9d82399c">Work In Progress</Record_x0020_Status>
    <Record_x0020_ID xmlns="e866b0dc-26f4-4c7c-849f-80ab9d82399c">44650247</Record_x0020_ID>
    <Record_x0020_Retention_x0020_Start_x0020_Date xmlns="e866b0dc-26f4-4c7c-849f-80ab9d82399c">2020-07-02T04:00:00+00:00</Record_x0020_Retention_x0020_Start_x0020_Date>
    <Record_x0020_Class_x0020_Code_x0020_Local xmlns="e866b0dc-26f4-4c7c-849f-80ab9d82399c">BIZ010Y</Record_x0020_Class_x0020_Code_x0020_Local>
    <Record_x0020_Retention_x0020_End_x0020_Date xmlns="e866b0dc-26f4-4c7c-849f-80ab9d82399c">2030-07-02T04:00:00+00:00</Record_x0020_Retention_x0020_End_x0020_Date>
    <Record_x0020_Legal_x0020_Hold xmlns="e866b0dc-26f4-4c7c-849f-80ab9d82399c">false</Record_x0020_Legal_x0020_Hold>
    <Record_x0020_Class_x0020_Code_x0020_Country xmlns="e866b0dc-26f4-4c7c-849f-80ab9d82399c">United States</Record_x0020_Class_x0020_Code_x0020_Country>
    <Record_x0020_Retention_x0020_Type xmlns="e866b0dc-26f4-4c7c-849f-80ab9d82399c">Flat</Record_x0020_Retention_x0020_Type>
  </documentManagement>
</p:properties>
</file>

<file path=customXml/itemProps1.xml><?xml version="1.0" encoding="utf-8"?>
<ds:datastoreItem xmlns:ds="http://schemas.openxmlformats.org/officeDocument/2006/customXml" ds:itemID="{C2A826EA-2FA9-426F-AEBD-A1DDAED4A33F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B76D0D47-1AD2-4897-87AC-3AA99D32FBE8}">
  <ds:schemaRefs>
    <ds:schemaRef ds:uri="http://schemas.microsoft.com/sharepoint/events"/>
  </ds:schemaRefs>
</ds:datastoreItem>
</file>

<file path=customXml/itemProps3.xml><?xml version="1.0" encoding="utf-8"?>
<ds:datastoreItem xmlns:ds="http://schemas.openxmlformats.org/officeDocument/2006/customXml" ds:itemID="{538D7EB9-BBF7-41C3-B5F0-12DADAE1B6C6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e866b0dc-26f4-4c7c-849f-80ab9d82399c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4.xml><?xml version="1.0" encoding="utf-8"?>
<ds:datastoreItem xmlns:ds="http://schemas.openxmlformats.org/officeDocument/2006/customXml" ds:itemID="{3F4C1B9B-0EF1-4D1C-8E72-40CD90088238}">
  <ds:schemaRefs>
    <ds:schemaRef ds:uri="http://schemas.microsoft.com/office/infopath/2007/PartnerControls"/>
    <ds:schemaRef ds:uri="http://purl.org/dc/elements/1.1/"/>
    <ds:schemaRef ds:uri="http://schemas.microsoft.com/office/2006/metadata/properties"/>
    <ds:schemaRef ds:uri="http://purl.org/dc/terms/"/>
    <ds:schemaRef ds:uri="e866b0dc-26f4-4c7c-849f-80ab9d82399c"/>
    <ds:schemaRef ds:uri="http://schemas.microsoft.com/office/2006/documentManagement/types"/>
    <ds:schemaRef ds:uri="http://schemas.openxmlformats.org/package/2006/metadata/core-properties"/>
    <ds:schemaRef ds:uri="http://www.w3.org/XML/1998/namespace"/>
    <ds:schemaRef ds:uri="http://purl.org/dc/dcmitype/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Widescreen</Template>
  <TotalTime>1800</TotalTime>
  <Words>1633</Words>
  <Application>Microsoft Office PowerPoint</Application>
  <PresentationFormat>Custom</PresentationFormat>
  <Paragraphs>296</Paragraphs>
  <Slides>44</Slides>
  <Notes>1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44</vt:i4>
      </vt:variant>
    </vt:vector>
  </HeadingPairs>
  <TitlesOfParts>
    <vt:vector size="50" baseType="lpstr">
      <vt:lpstr>AmplitudeTF</vt:lpstr>
      <vt:lpstr>Aptos Narrow</vt:lpstr>
      <vt:lpstr>Arial</vt:lpstr>
      <vt:lpstr>Calibri</vt:lpstr>
      <vt:lpstr>Wingdings</vt:lpstr>
      <vt:lpstr>PP+ UnifiedGIB - Widescreen</vt:lpstr>
      <vt:lpstr>Process mining on the loan application</vt:lpstr>
      <vt:lpstr>Objectives</vt:lpstr>
      <vt:lpstr>Business Process Flow</vt:lpstr>
      <vt:lpstr>Business Process Flow</vt:lpstr>
      <vt:lpstr>Variant Exploration</vt:lpstr>
      <vt:lpstr>Variants Of Process Flow</vt:lpstr>
      <vt:lpstr>Exploratory Data Analysis(EDA)</vt:lpstr>
      <vt:lpstr>Distribution Of Loan Applications: Univariate Analysis</vt:lpstr>
      <vt:lpstr>Requested Amount Vs Offered Amount</vt:lpstr>
      <vt:lpstr>Distribution of (Requested &amp; Offered Amount): Bivariate Analysis</vt:lpstr>
      <vt:lpstr>Distribution of Loan Amounts by Goal, Credit, and Offer: Multivariate Analysis </vt:lpstr>
      <vt:lpstr>Lifecycle of an application: Multivariate Analysis </vt:lpstr>
      <vt:lpstr>Trend &amp; Seasonality Analysis</vt:lpstr>
      <vt:lpstr>Root Cause Analysis for Loan Acceptance</vt:lpstr>
      <vt:lpstr>Loan Application Acceptance: Factors and Key Determinants</vt:lpstr>
      <vt:lpstr>Credit Score : Analysis</vt:lpstr>
      <vt:lpstr>Loan Goal : Analysis</vt:lpstr>
      <vt:lpstr>Behavior Analysis: Employees vs Acceptance</vt:lpstr>
      <vt:lpstr>Requested Amount vs Acceptance</vt:lpstr>
      <vt:lpstr>Root Cause Analysis for Loan Rejection</vt:lpstr>
      <vt:lpstr>Loan Application Rejection: Factors and Key Determinants</vt:lpstr>
      <vt:lpstr>Behavior Analysis: Employees vs Rejection</vt:lpstr>
      <vt:lpstr>Insights or Findings</vt:lpstr>
      <vt:lpstr>Anomalies</vt:lpstr>
      <vt:lpstr>Questions?</vt:lpstr>
      <vt:lpstr>Application Count vs Loan Goals</vt:lpstr>
      <vt:lpstr>Application Count vs Application Types</vt:lpstr>
      <vt:lpstr>Application Count vs Number of Terms</vt:lpstr>
      <vt:lpstr>Application Count vs Requested Amount</vt:lpstr>
      <vt:lpstr>(Requested &amp; Offered Amount) vs Loan Goal</vt:lpstr>
      <vt:lpstr>(Requested &amp; Offered Amount) vs Application Type</vt:lpstr>
      <vt:lpstr>(Requested &amp; Offered Amount) vs Number of Terms</vt:lpstr>
      <vt:lpstr>(Requested &amp; Offered Amount) vs Credit Score</vt:lpstr>
      <vt:lpstr>Acceptance Rate Vs Loan Goals</vt:lpstr>
      <vt:lpstr>Acceptance Rate Vs Application Type</vt:lpstr>
      <vt:lpstr>Acceptance Rate Vs Number of Terms</vt:lpstr>
      <vt:lpstr>Acceptance Range Vs Requested Amount</vt:lpstr>
      <vt:lpstr>Interest Rate Vs Loan Goals</vt:lpstr>
      <vt:lpstr>Interest Rate Vs Requested Amount</vt:lpstr>
      <vt:lpstr>Interest Rate Vs Number of Terms</vt:lpstr>
      <vt:lpstr>Rejection Rate Vs Loan Goals</vt:lpstr>
      <vt:lpstr>Rejection Rate Vs Application Type</vt:lpstr>
      <vt:lpstr>Rejection Rate Vs Number of Terms</vt:lpstr>
      <vt:lpstr>Rejection Rate Vs Credit Score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Gomez, Anna X</dc:creator>
  <cp:lastModifiedBy>Kanika Agarwal</cp:lastModifiedBy>
  <cp:revision>55</cp:revision>
  <dcterms:created xsi:type="dcterms:W3CDTF">2020-07-01T12:40:10Z</dcterms:created>
  <dcterms:modified xsi:type="dcterms:W3CDTF">2025-01-27T15:05:04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B04218B855DC944F9A559450E98DF04000317D809B83BE644EAD5526593C665108</vt:lpwstr>
  </property>
</Properties>
</file>